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029"/>
  <workbookPr/>
  <mc:AlternateContent xmlns:mc="http://schemas.openxmlformats.org/markup-compatibility/2006">
    <mc:Choice Requires="x15">
      <x15ac:absPath xmlns:x15ac="http://schemas.microsoft.com/office/spreadsheetml/2010/11/ac" url="C:\Users\i1033005\Desktop\job bigdata\"/>
    </mc:Choice>
  </mc:AlternateContent>
  <xr:revisionPtr revIDLastSave="0" documentId="13_ncr:1_{AA795A5A-7939-481F-945E-52A28DE7ED5F}" xr6:coauthVersionLast="45" xr6:coauthVersionMax="45" xr10:uidLastSave="{00000000-0000-0000-0000-000000000000}"/>
  <bookViews>
    <workbookView xWindow="-110" yWindow="-110" windowWidth="19420" windowHeight="10420" xr2:uid="{00000000-000D-0000-FFFF-FFFF00000000}"/>
  </bookViews>
  <sheets>
    <sheet name="Sheet 1 - ผลิตภัณฑ์" sheetId="1" r:id="rId1"/>
  </sheets>
  <definedNames>
    <definedName name="_xlnm._FilterDatabase" localSheetId="0" hidden="1">'Sheet 1 - ผลิตภัณฑ์'!$A$3:$X$544</definedName>
  </definedNames>
  <calcPr calcId="0"/>
</workbook>
</file>

<file path=xl/sharedStrings.xml><?xml version="1.0" encoding="utf-8"?>
<sst xmlns="http://schemas.openxmlformats.org/spreadsheetml/2006/main" count="7488" uniqueCount="1828">
  <si>
    <t>ผลิตภัณฑ์</t>
  </si>
  <si>
    <t>รหัสสินค้า*</t>
  </si>
  <si>
    <t>แบรนด์</t>
  </si>
  <si>
    <t>ชื่อสินค้า*</t>
  </si>
  <si>
    <t>หมวดผลิตภัณฑ์*</t>
  </si>
  <si>
    <t>หน่วยนับ</t>
  </si>
  <si>
    <t>รายละเอียดสินค้า*</t>
  </si>
  <si>
    <t>ขนาดสินค้า</t>
  </si>
  <si>
    <t>อายุของสินค้า</t>
  </si>
  <si>
    <t>ระยะเวลาการผลิต</t>
  </si>
  <si>
    <t>ระยะเวลาจัดส่ง</t>
  </si>
  <si>
    <t>ระบบขนส่งสินค้า</t>
  </si>
  <si>
    <t>ราคาส่ง (บาท)</t>
  </si>
  <si>
    <t>ราคาขาย (บาท)</t>
  </si>
  <si>
    <t>ค่าขนส่ง</t>
  </si>
  <si>
    <t>เงื่อนไขในการชำระเงิน</t>
  </si>
  <si>
    <t>แสดงสินค้าในเว็บไซต์ประชารัฐรักสามัคคี
1: แสดง</t>
  </si>
  <si>
    <t>ชื่อผู้ขาย*</t>
  </si>
  <si>
    <t>วัน</t>
  </si>
  <si>
    <t>เดือน</t>
  </si>
  <si>
    <t>ปี</t>
  </si>
  <si>
    <t>500-100</t>
  </si>
  <si>
    <t>101-300</t>
  </si>
  <si>
    <t>301-500</t>
  </si>
  <si>
    <t>เงินสด</t>
  </si>
  <si>
    <t>เครดิต</t>
  </si>
  <si>
    <t>มัดจำ</t>
  </si>
  <si>
    <t>ใบ</t>
  </si>
  <si>
    <t>กว้าง 7.5 นิ้ว X ยาว 9.25 นิ้ว</t>
  </si>
  <si>
    <t>2-3 วัน</t>
  </si>
  <si>
    <t>15 วัน</t>
  </si>
  <si>
    <t>ถุงย่ามผ้าขาวม้าขนาด 7.5x9.25 นิ้ว บ้านคึมมะอุ - นครราชสีมา</t>
  </si>
  <si>
    <t>ใช้เวลา 7-10 วัน</t>
  </si>
  <si>
    <t>ใช้เวลา 3  อาทิตย์</t>
  </si>
  <si>
    <t>ใช้เวลา 1 เดือน ครึ่ง</t>
  </si>
  <si>
    <t>-</t>
  </si>
  <si>
    <t>1</t>
  </si>
  <si>
    <t xml:space="preserve">วิสาหกิจชุมชนกลุ่มแม่บ้านเกษตรกรบ้านคืมมะอุ-สวนหม่อน </t>
  </si>
  <si>
    <t>ถุงผ้าขาวม้าเอนกประสงค์ขนาดเล็ก บ้านคืมมะอุ - นครราชสีมา</t>
  </si>
  <si>
    <t>กว้าง 8 นิ้ว X ยาว 9 นิ้ว ปากกระเป๋า 7 นิ้ว</t>
  </si>
  <si>
    <t xml:space="preserve">2-3 วัน </t>
  </si>
  <si>
    <t>THANLUX (แทนรักษ์)</t>
  </si>
  <si>
    <t>ข้าวกล้อง Nine 9 อินทรีย์ 900 กรัม - ยโสธร</t>
  </si>
  <si>
    <t>กิโลกรัม</t>
  </si>
  <si>
    <t>900 กรัม</t>
  </si>
  <si>
    <t>2 ปี</t>
  </si>
  <si>
    <t>ใช้เวลา  1-2 อาทิตย์</t>
  </si>
  <si>
    <t>ใช้เวลา  1-2  เดือน</t>
  </si>
  <si>
    <t>ภายใน 7 วัน</t>
  </si>
  <si>
    <t>รถตู้ / เคอรี่</t>
  </si>
  <si>
    <t>30 วัน</t>
  </si>
  <si>
    <t>บริษัท ไทยสมาร์ทไลฟ์ จำกัด</t>
  </si>
  <si>
    <t>ข้าวกาบาผงพร้อมชงดื่ม-รสธัญญาหาร 25 กรัม - ยโสธร</t>
  </si>
  <si>
    <t>กล่อง</t>
  </si>
  <si>
    <t>25 กรัม</t>
  </si>
  <si>
    <t>กล่องกระดาษสากาบกล้วย 12x30 ซม. สูง 4.5 ซม ดรุณี - ปัตตานี</t>
  </si>
  <si>
    <t xml:space="preserve">ผลิตจากกาบกล้วย ผึ่งแดดจนแห้ง นำไปย้อมสี ใช้น้ำยาเคลือบกาบกล้วย และ แปรรูปเป็นกล่อง </t>
  </si>
  <si>
    <t>12×30 ซม. สูง 4.5 ซม</t>
  </si>
  <si>
    <t>3 ปี</t>
  </si>
  <si>
    <t>ใช้เวลา 15 วัน</t>
  </si>
  <si>
    <t xml:space="preserve">2 -3 วัน </t>
  </si>
  <si>
    <t xml:space="preserve"> เคอรี่</t>
  </si>
  <si>
    <t>OCEAN FISH SNACK</t>
  </si>
  <si>
    <t>ปลาทรายทุบรสดั่งเดิม ตรามาเรียม ขนาด 39 กรัม - ปัตตานี</t>
  </si>
  <si>
    <t>กล่ิอง</t>
  </si>
  <si>
    <t>ปลาทุบปรุงรส เนื้อปลาทะเลเต็มคำแสนอร่อย
หนุบหนับทานคู่ข้าวต้ม หรือทานเป็นอาหารว่างก็โดนใจ</t>
  </si>
  <si>
    <t>โดนแสงแดด อยู่ได้ 6 เดือน</t>
  </si>
  <si>
    <t>เลี่ยงแสงแดด อยู่ได้ 1 ปี</t>
  </si>
  <si>
    <t>ใช้เวลา  1 อาทิตย์</t>
  </si>
  <si>
    <t>ใช้เวลา  2  อาทิตย์</t>
  </si>
  <si>
    <t xml:space="preserve">3-4 วัน </t>
  </si>
  <si>
    <t>7 วัน</t>
  </si>
  <si>
    <t>√</t>
  </si>
  <si>
    <t>บริษัท มาเรียมโอเชี่ยน โปรดักส์ จำกัด (สำนักงานใหญ่)</t>
  </si>
  <si>
    <t>ปลาทรายทุบ-รสดั่งเดิม ตรามาเรียม ขนาด 90 กรัม กล่อง- ปัตตานี</t>
  </si>
  <si>
    <t>ถุง</t>
  </si>
  <si>
    <t>ปลาเทปุระ รสสไปซี่ พื้นบ้านมูดี ขนาด 39 กรัม - ยกเลิก</t>
  </si>
  <si>
    <t>39 กรัม</t>
  </si>
  <si>
    <t>3-4 วัน</t>
  </si>
  <si>
    <t>BAI THONG (ตราใบทอง)</t>
  </si>
  <si>
    <t>ผ้าพันคอหมักโคลนย้อมสีธรรมชาติ เมืองศรีวิชัย - บึงกาฬ</t>
  </si>
  <si>
    <t>ผืน</t>
  </si>
  <si>
    <t>50x200 ซม</t>
  </si>
  <si>
    <t>ยังไม่รวมค่าจัดส่ง</t>
  </si>
  <si>
    <t>กลุ่มแปรรูปผลิตภัณฑ์ผ้าพื้นเมืองศรีวิชัย</t>
  </si>
  <si>
    <t>ตะกร้าไม้สน กว้าง 27 cm ยาว 35 cm สูง 7 cm - สระบุรี</t>
  </si>
  <si>
    <t>อัน</t>
  </si>
  <si>
    <t>กว้าง 27 cm ยาว 35 cm สูง 7 cm</t>
  </si>
  <si>
    <t>15-20 วัน</t>
  </si>
  <si>
    <t>ใช้เวลา  1 เดือน</t>
  </si>
  <si>
    <t>ใช้เวลา  2 เดือน</t>
  </si>
  <si>
    <t xml:space="preserve">1-2  วัน  </t>
  </si>
  <si>
    <t>รถกระบะ</t>
  </si>
  <si>
    <t xml:space="preserve">บริษัท ประชารัฐรักสามัคคีสระบุรี (วิสาหกิจเพื่อสังคม) จำกัด </t>
  </si>
  <si>
    <t>ข้าวเสาไห้/เจีกเชย ข้าวสาร - สระบุรี</t>
  </si>
  <si>
    <t>1 กก.</t>
  </si>
  <si>
    <t>PLEARN (ตราเพลิน)</t>
  </si>
  <si>
    <t>กล้วยชุด SET เจริญรุ่งเรือง 150 g บ้านดอนทอง - นครปฐม</t>
  </si>
  <si>
    <t>ประกอบด้วย
กล้วยหอมอบเนย รสหวานดั้งเดิม
กล้วยหอมอบเนย รสเค็ม
กล้วยหอมอบเนย รสกล้วยหอมสุข
สไลด์กล้วยชิ้นยาว บาง กรอบ
รสหวานกำลังดีไม่เสียสุขภาพ ใช้เนยแท้
จึงทำให้หอม มัน เคี้ยวเพลินจนหยุดไม่อยู่</t>
  </si>
  <si>
    <t>1 ปี</t>
  </si>
  <si>
    <t>ใช้เวลา 15  วัน</t>
  </si>
  <si>
    <t>บริษัท วสช.กลุ่มผลไม้สดและผลผลิตแปรรูปบ้านดอนทอง จำกัด</t>
  </si>
  <si>
    <t>กล้วยกรอบ FLYING 50g บ้านดอนทอง - นครปฐม</t>
  </si>
  <si>
    <t>กล้วยหอมอบกรอบ รสกล้วยสุก
ผลิตจากกล้วยหอมสุก จึงทำให้รสชาติของกล้วยนั้น
อมเปรี้ยว อมหวาน ตามรสชาติของกล้วยหอมสุกแท้ๆ</t>
  </si>
  <si>
    <t>กว้าง9ซม. ยาว9ซม. สูง 19.5ซม. นน.50กรัม</t>
  </si>
  <si>
    <t>กล้วยหอมสุกอบกรอบ (หอมถอดรูป) ดอนทอง- นครปฐม</t>
  </si>
  <si>
    <t>กว้าง20.3ซม. ยาว20ซม. สูง 2.7ซม. นน.80กรัม</t>
  </si>
  <si>
    <t>กล้วยเพลินรสดั้งเดิม ดอนทอง- นครปฐม</t>
  </si>
  <si>
    <t>กว้าง13ซม. ยาว6ซม. สูง 21ซม. นน.50กรัม</t>
  </si>
  <si>
    <t>Pritip (ตราไพรทิพ)</t>
  </si>
  <si>
    <t>กระเจี๊ยบอบกรอบ รสลาบ ไพรทิพ ขนาด 30 กรัม - นครปฐม</t>
  </si>
  <si>
    <t>30 กรัม</t>
  </si>
  <si>
    <t xml:space="preserve">3-5 วัน </t>
  </si>
  <si>
    <t>ไปรษณีย์</t>
  </si>
  <si>
    <t>บริษัท ไพรทิพ แบรนด์ จำกัด</t>
  </si>
  <si>
    <t>กว้าง21ซม. ยาว29.7ซม. สูง 6ซม. นน.150กรัม</t>
  </si>
  <si>
    <t>29 กรัม</t>
  </si>
  <si>
    <t>90 กรัม</t>
  </si>
  <si>
    <t>1 - 3 ปี</t>
  </si>
  <si>
    <t>5 ปี</t>
  </si>
  <si>
    <t>ใช้เวลา  1 - 2 อาทิตย์</t>
  </si>
  <si>
    <t>Grad / เคอรี่</t>
  </si>
  <si>
    <t>ทางรถไฟ, บขส ,     บิสซิเนส ไอเดีย ปัตตานี</t>
  </si>
  <si>
    <t>เคอรี่</t>
  </si>
  <si>
    <t>ผ้า เครื่องแต่งกาย เครื่องประดับ</t>
  </si>
  <si>
    <t>สินค้าบริโภค ประเภทอาหารและเครื่องปรุง</t>
  </si>
  <si>
    <t>สินค้าอุปโภคในครัวเรือน</t>
  </si>
  <si>
    <t xml:space="preserve"> 1 - 3 ปี</t>
  </si>
  <si>
    <t>ข้าวหอมปทุม - ปทุมธานี</t>
  </si>
  <si>
    <t>ใช้เวลา  3-5 วัน / ตามฤดูกาล</t>
  </si>
  <si>
    <t xml:space="preserve">1-2 วัน </t>
  </si>
  <si>
    <t xml:space="preserve">กลุ่มผู้ผลิตข้าวหอมปทุมธานี </t>
  </si>
  <si>
    <t>Much (ตรามัช)</t>
  </si>
  <si>
    <t>ถั่วแมคคาเดเมีย เจนเทิ่ลวิน - ตาก</t>
  </si>
  <si>
    <t>50 กรัม</t>
  </si>
  <si>
    <t>ใช้เวลา  2 อาทิตย์</t>
  </si>
  <si>
    <t xml:space="preserve">2 วัน </t>
  </si>
  <si>
    <t>นิ่มเอ็กเพรส</t>
  </si>
  <si>
    <t>บริษัท เจนเทิ่ลวิน จำกัด</t>
  </si>
  <si>
    <t>เครื่องดื่มน้ำนมแมคคาเดเมีย เจนเทิ่ลวิน - ตาก</t>
  </si>
  <si>
    <t>กระป๋อง</t>
  </si>
  <si>
    <t>180 มล.</t>
  </si>
  <si>
    <t>เบร์ดเฟรนด์ - แยมมัลเบอร์รี่ เจนเทิ่ลวิน - ตาก</t>
  </si>
  <si>
    <t>กระปุก</t>
  </si>
  <si>
    <t>350 กรัม</t>
  </si>
  <si>
    <t>6 เดือน</t>
  </si>
  <si>
    <t>จำนวน 100  กระปุก ต่อวัน</t>
  </si>
  <si>
    <t>เบร์ดเฟรนด์ - แยมผิวส้ม เจนเทิ่ลวิน - ตาก</t>
  </si>
  <si>
    <t>บ้านข่อยสูง</t>
  </si>
  <si>
    <t>งาอบเกลือ บ้านข่อยสูง - อุตรดิตถ์</t>
  </si>
  <si>
    <t>100 กรัม</t>
  </si>
  <si>
    <t xml:space="preserve"> ใช้เวลา  1 อาทิตย์</t>
  </si>
  <si>
    <t xml:space="preserve">1 อาทิตย์ </t>
  </si>
  <si>
    <t>PN ,ไปรษณีย์,NPC</t>
  </si>
  <si>
    <t>วิสาหกิจชุมชน กลุ่มเกษตรอินทรีย์บ้านข่อยสูง</t>
  </si>
  <si>
    <t>ภูแก้วสมุนไพร</t>
  </si>
  <si>
    <t>น้ำมันมะพร้าว 500 CC - ชุมพร</t>
  </si>
  <si>
    <t>ขวด</t>
  </si>
  <si>
    <t>500 กรัม</t>
  </si>
  <si>
    <t>Flash Express</t>
  </si>
  <si>
    <t>ไทยสุวรรณ</t>
  </si>
  <si>
    <t>ชาใบข้าวหอมมะลิ บ้านเหม้า - ร้อยเอ็ด</t>
  </si>
  <si>
    <t>น้ำหนักสุทธิ   1 กรัม * 12 ซอง</t>
  </si>
  <si>
    <t>ใช้เวลา  2-3 อาทิตย์</t>
  </si>
  <si>
    <t>วิสาหกิจชุมชนกลุ่มส่งเสริมอาชีพ บ้านเหม้า</t>
  </si>
  <si>
    <t>ผ้าพันคอผ้าขาวม้าคละสี บ้านสวนปอขนาด 40x180 ซม. - ร้อยเอ็ด</t>
  </si>
  <si>
    <t>40x180 ซม. </t>
  </si>
  <si>
    <t>ใช้เวลา 1 เดือน</t>
  </si>
  <si>
    <t xml:space="preserve">3 - 5 วัน </t>
  </si>
  <si>
    <t>รถทัวร์ ไปรษณีย์</t>
  </si>
  <si>
    <t>กลุ่มแปรรูปผ้าบ้านสวนปอ</t>
  </si>
  <si>
    <t>Kanchana (ตรากาญจนา)</t>
  </si>
  <si>
    <t>ชาหม่อนออร์แกนิค - ใบหม่อนผสมดอกคำฝอย - กาญจนบุรี</t>
  </si>
  <si>
    <t>32.5 กรัม บรรจุก 25 ซอง</t>
  </si>
  <si>
    <t>สต็อกพร้อมส่ง</t>
  </si>
  <si>
    <t>บริษัท ซี.เค.อินดัสทรี่ ( 2000 ) จำกัด</t>
  </si>
  <si>
    <t>ชาหม่อนออร์แกนิค - ใบหม่อน - กาญจนบุรี</t>
  </si>
  <si>
    <t>Bhumijai Coffee
(ตราภูมิใจ๋ คอฟฟี่)</t>
  </si>
  <si>
    <t>กาแฟ 3 in 1 มอคค่า - น่าน</t>
  </si>
  <si>
    <t>บรรจุ 13 ซอง x น้ำหนักสุทธิ 20 กรัม</t>
  </si>
  <si>
    <t>ใช้เวลา 5-7 วัน</t>
  </si>
  <si>
    <t>ห้างหุ้นส่วนจำกัด น่านดูโอคอฟฟี่</t>
  </si>
  <si>
    <t>กาแฟ ดริบ - น่าน</t>
  </si>
  <si>
    <t xml:space="preserve"> ใช้เวลา 5-7 วัน</t>
  </si>
  <si>
    <t>กาแฟ 3 in 1 เอสเพรสโซ่ - น่าน</t>
  </si>
  <si>
    <t>Pasutara พสุธารา</t>
  </si>
  <si>
    <t>LEMON INFUSED HONEY - ราชบุรี</t>
  </si>
  <si>
    <t>สั่งล่วงหน้า 1 อาทิตย์</t>
  </si>
  <si>
    <t>3-5 วัน</t>
  </si>
  <si>
    <t>-ไปรษณีย์  เคอรี่
-ถ้าสั่งในปริมาณเยอะ ไม่คิดค่าขนส่งจะมีรถขึ้นมาส่งให้ทุกวันพุธ</t>
  </si>
  <si>
    <t>กาทอง</t>
  </si>
  <si>
    <t>กาทองเครื่องดื่มผักเชียงดา - เชียงใหม่</t>
  </si>
  <si>
    <t>น้ำหนัก 60 กรัม 
บรรจุ 30 ซอง</t>
  </si>
  <si>
    <t>สั่งล่วงหน้า 3 วัน</t>
  </si>
  <si>
    <t>2 -3 วัน</t>
  </si>
  <si>
    <t>วิสาหกิจชุมชนกลุ่มสันมหาพนสมุนไพรอินทรีย์</t>
  </si>
  <si>
    <t>Salalai (ตรา ศุภาลัย)</t>
  </si>
  <si>
    <t>ชีตเชคสับปะรดกล่อง บรรจุ 10 ซอง - ประจวบคีรีขันธ์</t>
  </si>
  <si>
    <t>บรรจุ 10 ซอง</t>
  </si>
  <si>
    <t>สั่งล่วงหน้า 7 วัน</t>
  </si>
  <si>
    <t>3 วัน</t>
  </si>
  <si>
    <t>Flash Express ,  เคอรี่</t>
  </si>
  <si>
    <t>ชีตเชคสับปะรดกล่องยาว ซองละ 4 ชิ้น 2 ซอง - ประจวบคีรีขันธ์</t>
  </si>
  <si>
    <t>ซองละ 4 ชิ้น 2 ซอง</t>
  </si>
  <si>
    <t>Tup Ta</t>
  </si>
  <si>
    <t>บอลทูโทน 84 กรัม - ประจวบคีรีขันธ์</t>
  </si>
  <si>
    <t>84 กรัม</t>
  </si>
  <si>
    <t>Chili Shrimp</t>
  </si>
  <si>
    <t>น้ำพริกปลากระพง สูตรเผ็ดมาก ขนาด 150 กรัม - ประจวบคีรีขันธ์</t>
  </si>
  <si>
    <t xml:space="preserve"> 150 กรัม</t>
  </si>
  <si>
    <t>น้ำพริกกุ้งเสียบ ขนาด 150 กรัม - ประจวบคีรีขันธ์</t>
  </si>
  <si>
    <t>น้ำพริกปลาหมึก ขนาด 150 กรัม - ประจวบคีรีขันธ์</t>
  </si>
  <si>
    <t>น้ำพริกปลากุเลา ขนาด 150 กรัม - ประจวบคีรีขันธ์</t>
  </si>
  <si>
    <t>น้ำพริกปลากระพง สูตรเผ็ดน้อย ขนาด 150 กรัม - ประจวบคีรีขันธ์</t>
  </si>
  <si>
    <t>แกนสับปะรดอบแห้ง ขนาด 200 กรัม - ประจวบคีรีขันธ์</t>
  </si>
  <si>
    <t>รสชาติเปรี้ยวอบหวาน เคี้ยวเพลิน</t>
  </si>
  <si>
    <t xml:space="preserve">200 กรัม </t>
  </si>
  <si>
    <t>กระยาสารทธัญพืชสามอ่าว ขนาด 180 กรัม - ประจวบคีรีขันธ์</t>
  </si>
  <si>
    <t xml:space="preserve">180 กรัม </t>
  </si>
  <si>
    <t>วรรณารัตน์</t>
  </si>
  <si>
    <t>กล้วยน้ำว้าดองน้ำผึ้ง - ประจวบคีรีขันธ์</t>
  </si>
  <si>
    <t>โหลเล็ก</t>
  </si>
  <si>
    <t>กล้วยน้ำว้าอบด้วยระบบความร้อนไอน้ำทำให้กล้วยแห้ง แต่นุ่มนวล นำไปใส่โหลดองด้วยน้ำผึ้งเดือนห้า เติมพริกไทย ทำให้เพิ่มรดชาด สามารถเก็บได้นาน รับประทานทุกวันบำรุงร่างกาย โบราณกล่าวว่าเป็นยาอายุวัฒนะ</t>
  </si>
  <si>
    <t>NODE NA LE</t>
  </si>
  <si>
    <t>น้ำตาลโตนดผงออร์แกนิค ขนาด 120 กรัม - โหนดนาเล - สงขลา</t>
  </si>
  <si>
    <t xml:space="preserve">120 กรัม </t>
  </si>
  <si>
    <t>น้ำตาลโตนดผงออร์แกนิค - โหนดนาเล 500 กรัม - สงขลา</t>
  </si>
  <si>
    <t xml:space="preserve">500 กรัม </t>
  </si>
  <si>
    <t>THE COFFEE SignaturePhayao</t>
  </si>
  <si>
    <t>กาแฟ THE COFFEE - Dark Gold ขนาด 250 กรัม- พะเยา</t>
  </si>
  <si>
    <t>250 กรัม</t>
  </si>
  <si>
    <t xml:space="preserve">2 -3 วัน  </t>
  </si>
  <si>
    <t>วิสาหกิจชุมชนพะเยาเวลเนส</t>
  </si>
  <si>
    <t>กาแฟ THE COFFEE - Medium Gold ขนาด 250 กรัม - พะเยา</t>
  </si>
  <si>
    <t>สินค้าบริโภค ประเภทเครื่องดื่ม</t>
  </si>
  <si>
    <t>บริษัท ภูแก้วสมุนไพร จำกัด</t>
  </si>
  <si>
    <t>บริษัท พสุธารา  จำกัด</t>
  </si>
  <si>
    <t>ข้าวกล้องไรซ์เบอรี่ 1 กก. - สิงห์บุรี</t>
  </si>
  <si>
    <t xml:space="preserve">3-4 วัน  </t>
  </si>
  <si>
    <t>บริษัท ประชารัฐรักสามัคคีสิงห์บุรี (วิสาหกิจเพื่อสังคม) จำกัด</t>
  </si>
  <si>
    <t>กระเช้าผักตบชวาทรงเรือใหญ่ L (12x17x5") - อ่างทอง</t>
  </si>
  <si>
    <t>Size L (12x17x5 นิ้ว)</t>
  </si>
  <si>
    <t>ใช้เวลาในการผลิต 1 เดือน</t>
  </si>
  <si>
    <t xml:space="preserve">1-2 วัน  </t>
  </si>
  <si>
    <t>กลุ่มจักสานผักตบชวาบ้านบางตาแผ่น</t>
  </si>
  <si>
    <t>กระเป๋าเจมบอนด์สี่เหลี่ยม 12x12x4.5" บุผ้าขาวม้าพับขอบ - อ่างทอง</t>
  </si>
  <si>
    <t>ผลิตจากผักตบชวาและผ้าฝ้ายผ้าขาวม้า</t>
  </si>
  <si>
    <t>12x12x4.5 นิ้ว</t>
  </si>
  <si>
    <t>กระเป๋าเจมบอนด์สี่เหลี่ยม12x12x4.5บุผ้าขาวม้า ฟองน้ำ-อ่างทอง</t>
  </si>
  <si>
    <t>ตะกร้าทรงกระบอก ขนาด 12x12x4 นิ้ว - อ่างทอง</t>
  </si>
  <si>
    <t>ขนาด 12 x 12 x 4 นิ้ว</t>
  </si>
  <si>
    <t>ตะกร้าสี่เหลี่ยมขนาด 8x12x6 นิ้ว - อ่างทอง</t>
  </si>
  <si>
    <t>ขนาด 8 x 12 x 6 นิ้ว</t>
  </si>
  <si>
    <t>ตะกร้าทรงรี ก้น 11x15 นิ้วปาก 13x16 นิ้วสูง 7.5 นิ้ว-อ่างทอง</t>
  </si>
  <si>
    <t>ขนาด ก้น  11 x 15 นิ้ว</t>
  </si>
  <si>
    <t>ต่างหูดอกแก้วเมืองตาลอง - บุรีรัมย์</t>
  </si>
  <si>
    <t>คู่</t>
  </si>
  <si>
    <t xml:space="preserve"> 1 - 2 ปี</t>
  </si>
  <si>
    <t>ใช้เวลาการผลิต 1- 2 อาทิตย์</t>
  </si>
  <si>
    <t xml:space="preserve">1-3 วัน  </t>
  </si>
  <si>
    <t>ไปรษณีย์  เคอรี่</t>
  </si>
  <si>
    <t xml:space="preserve">กลุ่มทอผ้าไหมบ้านตาลอง </t>
  </si>
  <si>
    <t>สร้อยคอดอกแก้วเมืองตาลอง - บุรีรัมย์</t>
  </si>
  <si>
    <t>ข้าวกล้องไรซ์เบอรี่ 1 กิโลกรัม</t>
  </si>
  <si>
    <t>ภูริษาผ้าไทย</t>
  </si>
  <si>
    <t>เสื้อทูโทนบ้านดินทรายอ่อน - หนองบัวลำภู</t>
  </si>
  <si>
    <t>ตัว</t>
  </si>
  <si>
    <t>อกกว้าง 40 นิ้ว ยาว 25.5 นิ้ว</t>
  </si>
  <si>
    <t xml:space="preserve">  2 อาทิตย์ - 1 เดือน</t>
  </si>
  <si>
    <t xml:space="preserve"> ไปรษณีย์ ,  เคอรี่</t>
  </si>
  <si>
    <t xml:space="preserve">กลุ่มแปรรูปผลิตภัณฑ์พื้นเมืองบ้านดินทรายอ่อน </t>
  </si>
  <si>
    <t>เสื้อคอกลมแขนกุดผ้าขาวม้าบ้านดินทรายอ่อน - หนองบัวลำภู</t>
  </si>
  <si>
    <t>อกกว้าง 42 นิ้ว ยาว 23 นิ้ว</t>
  </si>
  <si>
    <t>ไปรษณีย์ ,  เคอรี่</t>
  </si>
  <si>
    <t>เสื้อปีกนางพญาบ้านดินทรายอ่อน - หนองบัวลำภู</t>
  </si>
  <si>
    <t>อกกว้าง 46 นิ้ว ยาว20.5 นิ้ว</t>
  </si>
  <si>
    <t>ผ้าขาวม้าไฉไล</t>
  </si>
  <si>
    <t>กระโปรงไฉไล บ้านสวนปอ - ร้อยเอ็ด</t>
  </si>
  <si>
    <t>ผลิตจากผ้าฝ้ายทอมือ ลายผ้าขาวม้า 7 สี</t>
  </si>
  <si>
    <t xml:space="preserve">เอวกว้าง 28 นิ้ว ยาว 40 นิ้ว </t>
  </si>
  <si>
    <t>กลุ่มพัฒนาสตรีบ้านสวนปอ</t>
  </si>
  <si>
    <t>เสื้อแขนกุด บ้านสวนปอ - ร้อยเอ็ด</t>
  </si>
  <si>
    <t>อกกว้าง 36 นิ้วยาว 15 นิ้ว</t>
  </si>
  <si>
    <t>กระโปรง ชมพู-น้ำตาล ทรงเอ บ้านสวนปอ - ร้อยเอ็ด</t>
  </si>
  <si>
    <t>เอวกว้าง 29 นิ้ว ยาว20 นิ้ว</t>
  </si>
  <si>
    <t>ชุดแซกผ่าหน้า บ้านสวนปอ - ร้อยเอ็ด</t>
  </si>
  <si>
    <t>อกกว้าง 34 นิ้ว ยาว 47 นิ้ว</t>
  </si>
  <si>
    <t>ชุดแซกไฉไล - สีสดใส บ้านสวนปอ - ร้อยเอ็ด</t>
  </si>
  <si>
    <t>อกกว้าง 36 นิ้ว ยาว 48 นิ้ว</t>
  </si>
  <si>
    <t>Natrada Cotton</t>
  </si>
  <si>
    <t>กางเกงปักย้อมคราม บ้านห้วยทราย - เชียงใหม่</t>
  </si>
  <si>
    <t>เอว 26 นิ้ว สะโพก 36 นิ้ว ขายาว 37 นิ้ว</t>
  </si>
  <si>
    <t>กลุ่มทอผ้าบ้านห้วยทราย</t>
  </si>
  <si>
    <t>เสื้อคลุมเนื้อยวญ บ้านห้วยทราย - เชียงใหม่</t>
  </si>
  <si>
    <t>Freesize อก 36 นิ้ว ยาว 33 นิ้ว</t>
  </si>
  <si>
    <t>เสื้อคลุมบางสีคราม บ้านห้วยทราย - เชียงใหม่</t>
  </si>
  <si>
    <t>อกกว้าง 40-42 นิ้ว ยาว 27 นิ้ว</t>
  </si>
  <si>
    <t>ชุดคลุม บ้านห้วยทราย - เชียงใหม่</t>
  </si>
  <si>
    <t>Freesize อก 44 นิ้ว ยาว 40 นิ้ว</t>
  </si>
  <si>
    <t>กระเป๋ากระจูดก้นกลมปักลายดอกไม้ มลิวัล - นครศรีธรรมราช</t>
  </si>
  <si>
    <t>ผลิตจากกระจูด บุผ้าด้านใน-หูรูด</t>
  </si>
  <si>
    <t xml:space="preserve"> 24x20 cm </t>
  </si>
  <si>
    <t xml:space="preserve"> กลุ่มกระจูดมลิวัล </t>
  </si>
  <si>
    <t>กระเป๋ากระจูด ไม่ซับ มลิวัล - นครศรีธรรมราช</t>
  </si>
  <si>
    <t xml:space="preserve"> 24x18 cm </t>
  </si>
  <si>
    <t>กระเป๋ากระจูดก้นกลม บุผ้า มลิวัล - นครศรีธรรมราช</t>
  </si>
  <si>
    <t xml:space="preserve"> 24x18 cm</t>
  </si>
  <si>
    <t>กระเป๋ากระจูดปากเรียบ มลิวัล - นครศรีธรรมราช</t>
  </si>
  <si>
    <t>8x8 cm</t>
  </si>
  <si>
    <t>พัดสานกระจูด มลิวัล - นครศรีธรรมราช</t>
  </si>
  <si>
    <t>ดารานาคี</t>
  </si>
  <si>
    <t>เสื้อแขนกุด ดารานาคี - บึงกาฬ</t>
  </si>
  <si>
    <t xml:space="preserve"> อกกว้าง 34 นิ้ว ยาว 14 นิ้ว</t>
  </si>
  <si>
    <t>1 เดือน - 2 เดือน</t>
  </si>
  <si>
    <t>กลุ่มผ้าขาวม้า ดารานาคี เช็คอิน@บึงกาฬ</t>
  </si>
  <si>
    <t>อกกว้าง 34 นิ้ว ยาว 14 นิ้ว</t>
  </si>
  <si>
    <t>เสื้อแขนยาว ดารานาคี - บึงกาฬ</t>
  </si>
  <si>
    <t>ผลิตจากผ้าฝ้ายทอมือ ลายผ้าขาวม้า ย้อมสีธรรมชาติ</t>
  </si>
  <si>
    <t>อกกว้าง 38 นิ้ว ยาว 22 นิ้ว</t>
  </si>
  <si>
    <t>เสื้อเชิ๊ต ดารานาคี - บึงกาฬ</t>
  </si>
  <si>
    <t>อกกว้าง 40 นิ้ว ยาว 28 นิ้ว
สีน้ำตาล-ขาว ไซส์ L</t>
  </si>
  <si>
    <t xml:space="preserve">อกกว้าง 42 นิ้ว ยาว 29 นิ้ว
สีน้ำตาล-เทา ไซส์ xL
</t>
  </si>
  <si>
    <t>เสื้อคอกระดุม ดารานาคี - บึงกาฬ</t>
  </si>
  <si>
    <t>อก กว้าง 40 นิ้ว กว้าง 37 นิ้ว</t>
  </si>
  <si>
    <t>ชุดเดรสมีซับใน ดารานาคี - บึงกาฬ</t>
  </si>
  <si>
    <t>อกกว้าง 33 นิ้ว เอวกว้าง 41 นิ้ว สะโพก 44 นิ้ว
สายเดี่ยว</t>
  </si>
  <si>
    <t>อกกว้าง 33 นิ้ว เอวกว้าง 41 นิ้ว สะโพก 44 นิ้ว
ธรรมดา</t>
  </si>
  <si>
    <t>กางเกงเอวสูงบอลลูน ดารานาคี - บึงกาฬ</t>
  </si>
  <si>
    <t>เอวกว้าง 28 นิ้ว สะโพก 44 นิ้ว ยาว 30 นิ้ว</t>
  </si>
  <si>
    <t>กระเป๋าโทรศัพท์ ดารานาคี - บึงกาฬ</t>
  </si>
  <si>
    <t xml:space="preserve"> 11x19 cm</t>
  </si>
  <si>
    <t>กระเป๋ากลม ดารานาคี - บึงกาฬ</t>
  </si>
  <si>
    <t>12x12 cm</t>
  </si>
  <si>
    <t>พวงกุญแจหมากค้อ ดารานาคี - บึงกาฬ</t>
  </si>
  <si>
    <t>พวงกุญแจปลาแม่น้ำโขง ดารานาคี - บึงกาฬ</t>
  </si>
  <si>
    <t>กางเกง Unisex ดารานาคี - บึงกาฬ</t>
  </si>
  <si>
    <t>Free size</t>
  </si>
  <si>
    <t>ผ้าพันคอผ้าขาวม้าลายตากับยายบ้านสะง้อ สีขาวเทา - บึงกาฬ</t>
  </si>
  <si>
    <t>50x180 cm</t>
  </si>
  <si>
    <t>ผ้าขาวม้าลายปทุมทิพย์ ดารานาคี- บึงกาฬ</t>
  </si>
  <si>
    <t>80x180 cm</t>
  </si>
  <si>
    <t>กระเป๋าผ้าขาวม้าเล็ก ภาชามา - นครราชสีมา</t>
  </si>
  <si>
    <t>2 อาทิตย์ - 1 เดือน</t>
  </si>
  <si>
    <t>กลุ่มภาชามาไหมไทย</t>
  </si>
  <si>
    <t>กระเป๋าใส่โน้ตบุ๊ค ภาชามา - นครราชสีมา</t>
  </si>
  <si>
    <t>ด่านเหนือแพรฝ้าย</t>
  </si>
  <si>
    <t>ผ้าขาวม้า 100x200 บ้านคำโพนทอง - กาฬสินธุ์</t>
  </si>
  <si>
    <t xml:space="preserve">กว้าง 100 cm. ยาว 200 cm. </t>
  </si>
  <si>
    <t xml:space="preserve"> 1 - 3  ปี</t>
  </si>
  <si>
    <t xml:space="preserve">กลุ่มทอผ้าบ้านคำโพนทอง </t>
  </si>
  <si>
    <t>ผ้าขาวม้า 90x200 บ้านคำโพนทอง - กาฬสินธุ์</t>
  </si>
  <si>
    <t>กว้าง 90 cm. ยาว 200 cm</t>
  </si>
  <si>
    <t>กระเป๋ากลีบบัวเล็กป่านศรนารายณ์ - เพชรบุรี</t>
  </si>
  <si>
    <t>กว้าง 31 cm. ยาว 10 cm. สูง 15 cm</t>
  </si>
  <si>
    <t xml:space="preserve"> 1 - 2  ปี</t>
  </si>
  <si>
    <t xml:space="preserve"> 1 เดือน - 2 เดือน</t>
  </si>
  <si>
    <t xml:space="preserve">กลุ่มสตรีศิลปาชีพ (พิเศษ) ป่านศรนารายณ์ </t>
  </si>
  <si>
    <t>ผ้าขาวม้าบ้านหาดเสี้ยว (ช้าง) - สุโขทัย</t>
  </si>
  <si>
    <t>ผลิตจากผ้าฝ้าย ผ้าขาวม้า ทอเมือ</t>
  </si>
  <si>
    <t>ขนาด 80x200 cm</t>
  </si>
  <si>
    <t>3 - 5 วัน ทำการ</t>
  </si>
  <si>
    <t xml:space="preserve">กลุ่มทอผ้าและตัดเย็บบ้านหาดเสี้ยว </t>
  </si>
  <si>
    <t>เสื้อผ้าขาวม้าสีเหลือง-คอปากโอ่งบ้านหาดเสี้ยว - สุโขทัย</t>
  </si>
  <si>
    <t>ผลิตจากผ้าฝ้าย ลายผ้าขาวม้า แปรรูปเป็นเสื้อ</t>
  </si>
  <si>
    <t xml:space="preserve">Size M , L , XL </t>
  </si>
  <si>
    <t>กลุ่มทอผ้าและตัดเย็บบ้านหาดเสี้ยว</t>
  </si>
  <si>
    <t>กิมมะโนเสื้อคลุมเหลืองบ้านหาดเสี้ยว - สุโขทัย</t>
  </si>
  <si>
    <t>Size M , L , XL</t>
  </si>
  <si>
    <t>กิมมะโนเสื้อคลุมหมักโคลนบ้านหาดเสี้ยว - สุโขทัย</t>
  </si>
  <si>
    <t>นุชบา OTOP</t>
  </si>
  <si>
    <t>กระเป๋าเป้โค้ง E-PO - อำนาจเจริญ</t>
  </si>
  <si>
    <t>ผลิตจากผ้าฝ้าย ลายผ้าขาวม้า แปรรูปเป็นกระเป๋า</t>
  </si>
  <si>
    <t>33x33x33 cm</t>
  </si>
  <si>
    <t>ไปรษณีย์ ,  เคอรี่ ,ขนส่งนครชัยแอร์</t>
  </si>
  <si>
    <t>15  วัน</t>
  </si>
  <si>
    <t>กลุ่มแปรรูปผ้าขาวม้านุชบา</t>
  </si>
  <si>
    <t>กระเป๋าเป้เหลี่ยมนุชบา - อำนาจเจริญ</t>
  </si>
  <si>
    <t>32x36x36 cm</t>
  </si>
  <si>
    <t>กระเป๋าทรงบาสเกต E-PO - อำนาจเจริญ</t>
  </si>
  <si>
    <t>11x29x33 cm</t>
  </si>
  <si>
    <t>กระเป๋าเซท 3 ใบนุชบา - อำนาจเจริญ</t>
  </si>
  <si>
    <t>เซต</t>
  </si>
  <si>
    <t>1x33x24 cm</t>
  </si>
  <si>
    <t>หมอนรองคอโค้ง - อำนาจเจริญ</t>
  </si>
  <si>
    <t>30x30x28 cm</t>
  </si>
  <si>
    <t>กระเป๋าเอนกประสงค์เล็ก นุชบา - อำนาจเจริญ</t>
  </si>
  <si>
    <t>10x11 cm</t>
  </si>
  <si>
    <t>มาลัยกร ผ้าขาวม้า- อำนาจเจริญ</t>
  </si>
  <si>
    <t>พวง</t>
  </si>
  <si>
    <t>80x200 cm</t>
  </si>
  <si>
    <t>กระเป๋าเอนกประสงค์ใหญ่นุชบา - อำนาจเจริญ</t>
  </si>
  <si>
    <t>12x25x18 cm</t>
  </si>
  <si>
    <t>สมุดบันทึก - กรุงเทพ</t>
  </si>
  <si>
    <t>เล่ม</t>
  </si>
  <si>
    <t>13x20x2 cm</t>
  </si>
  <si>
    <t>กระเป๋าสาน นุชบา - อำนาจเจริญ</t>
  </si>
  <si>
    <t>12x25x35 cm</t>
  </si>
  <si>
    <t>กระเป๋าผ้าขาวม้าไม่สกรีน - อำนาจเจริญ</t>
  </si>
  <si>
    <t>23x22 cm</t>
  </si>
  <si>
    <t>กระเป๋าแฟชั่น - อำนาจเจริญ</t>
  </si>
  <si>
    <t xml:space="preserve">11x25x30 cm </t>
  </si>
  <si>
    <t>ผ้าขาวม้าทอมือ ลายตาราง ขาวแดง - อำนาจเจริญ</t>
  </si>
  <si>
    <t xml:space="preserve">1 เดือน  </t>
  </si>
  <si>
    <t>2 เดือน - 3 เดือน</t>
  </si>
  <si>
    <t xml:space="preserve">บริษัท ประชารัฐรักสามัคคีอำนาจเจริญ (วิสาหกิจเพื่อสังคม) จำกัด </t>
  </si>
  <si>
    <t>ผ้าขาวม้าทอมือ ลายตาราง ขาวเหลือง - อำนาจเจริญ</t>
  </si>
  <si>
    <t>ผ้าขาวม้าทอมือ ลายตาราง ขาวเขียว - อำนาจเจริญ</t>
  </si>
  <si>
    <t>Don Manee</t>
  </si>
  <si>
    <t>กระเป๋าก้อนทอง ดลมณี - ราชบุรี</t>
  </si>
  <si>
    <t xml:space="preserve"> 8x12x5 cm</t>
  </si>
  <si>
    <t xml:space="preserve">ไปรษณีย์ ,  เคอรี่ </t>
  </si>
  <si>
    <t>ดลมณี Don Manee</t>
  </si>
  <si>
    <t>กล่องดินสอ แดงน้ำเงินขาวดลมณี - ราชบุรี</t>
  </si>
  <si>
    <t>8x27x4 cm</t>
  </si>
  <si>
    <t>กระเป๋าเอกสาร - นราธิวาส</t>
  </si>
  <si>
    <t>28x28x9 cm</t>
  </si>
  <si>
    <t>1 เดือน  - 2 เดือน</t>
  </si>
  <si>
    <t xml:space="preserve">กลุ่มสตรีจักสานกระจูด </t>
  </si>
  <si>
    <t>กล่องมังคุด ตูมูขนาดกลาง - นราธิวาส</t>
  </si>
  <si>
    <t>17x11x14 cm</t>
  </si>
  <si>
    <t xml:space="preserve">กลุ่มสตรีสานเสื่อกระจูดบ้านโคกพะยอม  </t>
  </si>
  <si>
    <t>กล่องมังคุด ตูมู ขนาดเล็ก - นราธิวาส</t>
  </si>
  <si>
    <t>10x9x11 cm</t>
  </si>
  <si>
    <t>Mullika Handmade</t>
  </si>
  <si>
    <t>ตุ๊กตาสัตว์ประจำชาติอาเซียนช้างไทย - สุพรรณบุรี</t>
  </si>
  <si>
    <t>12x23x18 cm</t>
  </si>
  <si>
    <t>ร้านมัลลิกา กิ๊ฟชอป </t>
  </si>
  <si>
    <t>ตุ๊กตาสัตว์ประจำชาติอาเซียนเสือโคร่งบรูไน - สุพรรณบุรี</t>
  </si>
  <si>
    <t>19x29x29 cm</t>
  </si>
  <si>
    <t>ตุ๊กตาสัตว์ประจำชาติอาเซียนกูปรี กัมพูชา - สุพรรณบุรี</t>
  </si>
  <si>
    <t>15x35x20 cm</t>
  </si>
  <si>
    <t>ตุ๊กตาสัตว์ประจำชาติอาเซียนมังกรโคโมโดอินโดนีเซีย-สุพรรณบุรี</t>
  </si>
  <si>
    <t>16x34x21 cm</t>
  </si>
  <si>
    <t>ตุ๊กตาสัตว์ประจำชาติอาเซียนช้างลาว - สุพรรณบุรี</t>
  </si>
  <si>
    <t>ตุ๊กตาสัตว์ประจำชาติอาเซียนเสือโคร่งมาเลเซีย-สุพรรณบุรี</t>
  </si>
  <si>
    <t>ตุ๊กตาสัตว์ประจำชาติอาเซียนควายคาราบาวฟิลิปปินส์- สุพรรณบุรี</t>
  </si>
  <si>
    <t>13x26x26 cm</t>
  </si>
  <si>
    <t>ตุ๊กตาสัตว์ประจำชาติอาเซียนเสือโคร่ง-พม่า - สุพรรณบุรี</t>
  </si>
  <si>
    <t>กระเป๋าข้องมงคล รุ่นแรก - พะเยา</t>
  </si>
  <si>
    <t>12x25x28 cm</t>
  </si>
  <si>
    <t>กระเป๋าข้องมงคล - พะเยา</t>
  </si>
  <si>
    <t>12x26x29 cm</t>
  </si>
  <si>
    <t>Look Women Crafts</t>
  </si>
  <si>
    <t>พวงกุญแจไม้แกะสลัก Look Crafts - ลำปาง</t>
  </si>
  <si>
    <t xml:space="preserve"> 2x6x9 cm</t>
  </si>
  <si>
    <t xml:space="preserve">15  วัน  </t>
  </si>
  <si>
    <t>1 เดือน</t>
  </si>
  <si>
    <t>2  เดือน</t>
  </si>
  <si>
    <t>Look Crafts (งานไม้แกะสลัก)</t>
  </si>
  <si>
    <t>ผ้าพันคอไล่ยุง - ขอนแก่น</t>
  </si>
  <si>
    <t>40x180 cm</t>
  </si>
  <si>
    <t>กลุ่มอาชีพผู้สูงอายุตำบลบ้านทุ่ม</t>
  </si>
  <si>
    <t>แป้งร่ำ แบบถุงผ้าแพร - นนทบุรี</t>
  </si>
  <si>
    <t>50 ml.</t>
  </si>
  <si>
    <t>1  ปี</t>
  </si>
  <si>
    <t>ไปรษณีย์ ,  เคอรี่ ,รถส่วนตัว</t>
  </si>
  <si>
    <t>สิริกร เฮอร์เบิล ฮับ (เครื่องหอมสิริกร)</t>
  </si>
  <si>
    <t>แป้งร้ำ แบบกล่องผ้าไหม - นนทบุรี</t>
  </si>
  <si>
    <t>น้ำอบไทย สูตรดั่งเดิม - นนทบุรี</t>
  </si>
  <si>
    <t>4.00 X 0.00 X 17 cm น้ำหนัก 250 กรัม</t>
  </si>
  <si>
    <t>น้ำอบไทยจากมะลิธรรมชาติ แบบกล่องผ้าไหม - นนทบุรี</t>
  </si>
  <si>
    <t>3.50 X 3.50 X 10.00 cm น้ำหนัก 160 กรัม</t>
  </si>
  <si>
    <t>น้ำอบไทยจากกุหลาบธรรมชาติ แบบกล่องผ้าไหม - นนทบุรี</t>
  </si>
  <si>
    <t>น้ำหอมกลิ่นกุหลาบมีความโดเด่นเฉพาะตัว เผยกลิ่นหอมละมุนชวนหลงไหล ใครได้กลิ่นเป็นต้องอยากอยู่ใกล้ กลิ่นหอมสะกดใจยาวนานตลอดวัน</t>
  </si>
  <si>
    <t>น้ำอบไทยจากมะลิธรรมชาติ แบบกล่องในถุงผ้าแพร - นนทบุรี</t>
  </si>
  <si>
    <t>น้ำอบไทยจากกุหลาบธรรมชาติ แบบกล่องในถุงผ้าแพร - นนทบุรี</t>
  </si>
  <si>
    <t>ผ้าภูอัคนี (คลุมไหล่) - บุรีรัมย์</t>
  </si>
  <si>
    <t>ผ้าพันคอภูอัคนี ย้อมสีธรรมชาติจากดินภูเขาไฟพนมรุ้ง ซึ่งทำให้ผ้ามีความนุ่มลื่นยิ่งขึ้น ทุกขั้นตอนถักทอด้วยความตั้งใจ ประณีต ใส่ใจในรายละเอียด มีความเป็นเอกลักษณ์เฉพาะของชาวจังหวัดบุรีรัมย์ ที่คงไว้ซึ่งภูมิปัญญาท้องถิ่น</t>
  </si>
  <si>
    <t>54 x 170 cm</t>
  </si>
  <si>
    <t>กลุ่มอาชีพสตรีทอผ้าไหม-ผ้าฝ้าย (ผ้าภูอัคนี)</t>
  </si>
  <si>
    <t>ย่ามใบเล็กบ้านหาดเสี้ยว - สุโขทัย</t>
  </si>
  <si>
    <t>กระเป๋าย่าม ผ้าฝ้ายทอพื้นเมือง ตกแต่งด้วยพู่</t>
  </si>
  <si>
    <t>5x23x20 cm</t>
  </si>
  <si>
    <t>กระเป๋าย่ามผ้าขาวม้าสีแดง - สุโขุทัย</t>
  </si>
  <si>
    <t>ผลิตจากผ้าฝ้ายลายผ้าขาวม้า แปรรูปเป็นกระเป๋าย่าม</t>
  </si>
  <si>
    <t>32x36x90 cm</t>
  </si>
  <si>
    <t>กระเป๋า - นครพนม</t>
  </si>
  <si>
    <t>32x42 cm</t>
  </si>
  <si>
    <t>บริษัท ประชารัฐรักสามัคคี นครพนม (วิสาหกิจเพื่อสังคม) จำกัด</t>
  </si>
  <si>
    <t>กระโปรงผ้าขาวม้า (คละสี)- หนองบัวลำภู</t>
  </si>
  <si>
    <t>ผลิตจากผ้าฝ้าย ลายผ้าขาวม้า แปรรูปเป็นกระโปรง</t>
  </si>
  <si>
    <t>Freesize</t>
  </si>
  <si>
    <t>กลุ่มทอผ้าพื้นเมืองบ้านหนองปิง</t>
  </si>
  <si>
    <t>เสื้อผ้าขาวม้า (คละสี)- หนองบัวลำภู</t>
  </si>
  <si>
    <t>Size M, L, XL</t>
  </si>
  <si>
    <t>กางเกงผ้าขาวม้า (ฮาเริม) ม.หมอนสมุนไพร - ยโสธร</t>
  </si>
  <si>
    <t>ผลิตจากผ้าฝ้าย ลายผ้าขาวม้า แปรรูปเป็นกางเกง</t>
  </si>
  <si>
    <t>กลุ่มแม่บ้านหมอนสมุนไพรเพื่อสุขภาพ</t>
  </si>
  <si>
    <t>กางเกงผ้าขาวม้า (ทรงตรง) ม.หมอนสมุนไพร - ยโสธร</t>
  </si>
  <si>
    <t>Size M, L</t>
  </si>
  <si>
    <t>ข้าวกล้อง Nine 9 อินทรีย์ 1 กก. - ยโสธร</t>
  </si>
  <si>
    <t>กก.</t>
  </si>
  <si>
    <t>ข้าวกล้องเพื่อสุขภาพ จังหวัดยโสธร ผลิตข้าวแบบเกษตรอินทรีย์ 100%</t>
  </si>
  <si>
    <t>1 กิโลกรัม</t>
  </si>
  <si>
    <t>ข้าวไรซ์เบอรี่ 300 กรัม - พระนครศรีอยุธยา</t>
  </si>
  <si>
    <t>กรัม</t>
  </si>
  <si>
    <t>ข้าวไรซ์เบอรี่ปลอดสารพิษ</t>
  </si>
  <si>
    <t>300 กรัม</t>
  </si>
  <si>
    <t>ไปรษณีย์ ,  เคอรี่ , รถส่วนตัว</t>
  </si>
  <si>
    <t>บริษัท ประชารักสามัคคีพระนครศรีอยุธยา (วิสาหกิจเพื่อสังคม) จำกัด</t>
  </si>
  <si>
    <t>ครีมบำรุงว่าน 35 g - พะเยา</t>
  </si>
  <si>
    <t>ครีมสมุนไพรว่านหางจระเข้ เพิ่มความชุ่มชื่น ช่วยบำรุงมือ ส้นเท้า หัวเข่า ข้อศอก ให้เนียนนุ่มจนน่าสัมผัส ฟื้นฟูสภาพผิวที่แห้งกร้าน รักษาอาการส้นเท้าแตกได้ดี ไม่ทำให้เกิดการระคายเคืองเพราะไม่มีสารเคมีเจือปน</t>
  </si>
  <si>
    <t>35 กรัม</t>
  </si>
  <si>
    <t>กลุ่มแม่บ้านแปรรูปครีมมะขาม</t>
  </si>
  <si>
    <t>ชาใบเตย Pandanus Tea - กาญจนบุรี</t>
  </si>
  <si>
    <t>ชาใบเตยอินทรีย์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บำรุงหัวใจ ขับปัสสาวะ ช่วยลดน้ำตาลในเลือด</t>
  </si>
  <si>
    <t>กิจการเพื่อสังคม บ้านรักษ์ดิน Organic farm</t>
  </si>
  <si>
    <t>ชากระเจี๊ยบ Rosella Tea - กาญจนบุรี</t>
  </si>
  <si>
    <t>ชากระเจี๊ยบ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สามารถช่วยขับปัสสาวะ ลดไขมันในเส้นเลือด ลดความอันโลหิตสูงแก้กระหายน้ำ ทำให้ชุ่มคอและชื่นใจ</t>
  </si>
  <si>
    <t>ชามรางจืด Laural Clockvine Tea - กาญจนบุรี</t>
  </si>
  <si>
    <t>ชารางจืด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สรรพคุณช่วยกำจัดสารพิษและล้างสารพิษ แก้เมาค้าง บรรเทาอาการผดผื่นภูมิแพ้และลดความร้อนในร่างกาย</t>
  </si>
  <si>
    <t>ชาใบหม่อน - กาญจนบุรี</t>
  </si>
  <si>
    <t>ชาใบหม่อน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ลดน้ำตาลในเลือด ช่วยลดคอเลสเตอรอล มีสารต้านอนุมูลอิสระ</t>
  </si>
  <si>
    <t>รถโพ้ถ่อง - ระนอง</t>
  </si>
  <si>
    <t>คัน</t>
  </si>
  <si>
    <t>รถโพถ้องจำลองทำมือด้วยไม้ เป็นพาหนะย้อนอดีตสะท้อนเอกล้กษณ์เฉพาะถิ่นที่ถ่ายทอดวัฒนธรรมวิถีชีวิตจากรุ่นสู่รุ่น</t>
  </si>
  <si>
    <t>5x16x7 cm</t>
  </si>
  <si>
    <t>3 - 4 ปี</t>
  </si>
  <si>
    <t>2 - 3 เดือน</t>
  </si>
  <si>
    <t>นายศักดิ์วิมล ศรีเมือง</t>
  </si>
  <si>
    <t>Ratree</t>
  </si>
  <si>
    <t>กระเป๋าเพ้นท์แมว + พวงปลา 14x16x6 กระจูดราตรี- นครศรีธรรมราช</t>
  </si>
  <si>
    <t>ผลิตจากกระจูดนำมาสานเป็นกระเป๋าและนำมาเพ้นท์</t>
  </si>
  <si>
    <t>15x35x66 ซม. (รวมสายถือ)</t>
  </si>
  <si>
    <t>2 อาทิตย์ - 2 เดือน</t>
  </si>
  <si>
    <t>กระจูดราตรี จังหวัดนครศรีธรรมราช</t>
  </si>
  <si>
    <t>กระเป๋าสองชั้นปากราบสายเดียว กระจูดราตรี -นครศรีธรรมราช</t>
  </si>
  <si>
    <t>ผลิตจากกระจูดนำมาสานเป็นกระเป๋า</t>
  </si>
  <si>
    <t>20x20x30 cm</t>
  </si>
  <si>
    <t>กระเป๋าถักกก บ้านแถวนา - จันทบุรี</t>
  </si>
  <si>
    <t>กระเป๋าสานจากต้นกก</t>
  </si>
  <si>
    <t>4.5x11x16.5 นิ้ว</t>
  </si>
  <si>
    <t>3 - 10 เดือน</t>
  </si>
  <si>
    <t>ชุมชนดีมีรอยยิ้มแหลมสิงห์</t>
  </si>
  <si>
    <t>เสื่อยกลายเย็บริม บ้านแถวนา - จันทบุรี</t>
  </si>
  <si>
    <t>เสื่อยกลายเย็บริมสานจากต้นกก</t>
  </si>
  <si>
    <t>36x19.5 นิ้ว</t>
  </si>
  <si>
    <t>ตามฤดูกาลกำหนดยาก</t>
  </si>
  <si>
    <t>รองจานปอ บ้านแถวนา - จันทบุรี</t>
  </si>
  <si>
    <t>รองจานสานจากต้นปอ</t>
  </si>
  <si>
    <t>18x11.5 นิ้ว</t>
  </si>
  <si>
    <t>รองจานกก บ้านแถวนา - จันทบุรี</t>
  </si>
  <si>
    <t>รอจานสานจากต้นกก</t>
  </si>
  <si>
    <t>17.6x11.5 นิ้ว</t>
  </si>
  <si>
    <t>กระเป๋าทอกกเล็ก 9x9 นิ้ว บ้านแถวนา - จันทบุรี</t>
  </si>
  <si>
    <t>กระเป๋าเล็กทอจากต้นกก</t>
  </si>
  <si>
    <t>9x9 นิ้ว</t>
  </si>
  <si>
    <t>1 - 2 เดือน</t>
  </si>
  <si>
    <t>เสื่อลายชาย ก.45 ซม. ย. 190 ซม. บ้านแถวนา - จันทบุรี</t>
  </si>
  <si>
    <t>เสื่อลอยชายสานจากต้นกก</t>
  </si>
  <si>
    <t>กว้าง 45 cm ยาว 190 cm</t>
  </si>
  <si>
    <t>กระเป๋ากกถักรอบ กว้าง 60 cm สูง 17 cm บ้านแถวนา - จันทบุรี</t>
  </si>
  <si>
    <t>กระเป๋าถักจากต้นกก</t>
  </si>
  <si>
    <t>4x8x6.5นิ้ว</t>
  </si>
  <si>
    <t>3 - 6 เดือน</t>
  </si>
  <si>
    <t>กระเป๋า 2 ชั้น กกทอ บ้านแถวนา - จันทบุรี</t>
  </si>
  <si>
    <t>กระเป๋าทอด้วยต้นกก 2 ชั้น</t>
  </si>
  <si>
    <t>4x11.5x11.5นิ้ว</t>
  </si>
  <si>
    <t>เสื่อยกลาย 50 x 90 ซม. บ้านแถวนา - จันทบุรี</t>
  </si>
  <si>
    <t>เสื่อยกลายจากต้นกก</t>
  </si>
  <si>
    <t>19.2x35.6นิ้ว</t>
  </si>
  <si>
    <t>ถังกลม 14x15 นิ้ว บ้านแถวนา - จันทบุรี</t>
  </si>
  <si>
    <t>ถังกลมสานจากต้นกก</t>
  </si>
  <si>
    <t>14x15 นิ้ว</t>
  </si>
  <si>
    <t>ถังกลม 16x20 นิ้ว บ้านแถวนา - จันทบุรี</t>
  </si>
  <si>
    <t>16x20 นิ้ว</t>
  </si>
  <si>
    <t>เสื้อโปโลผักตบชวา ดลมณี - ราชบุรี</t>
  </si>
  <si>
    <t>ผลิตภัณฑ์เสื้อทอจากผักตบชวา</t>
  </si>
  <si>
    <t>size M</t>
  </si>
  <si>
    <t>กระเป๋ารักษ์โลกผักตบชวา ดลมณี - ราชบุรี</t>
  </si>
  <si>
    <t>ผลิตภัณฑ์กระเป๋าผ้าทอจากผักตบชวา</t>
  </si>
  <si>
    <t>5x12.5x11.5 นิ้ว</t>
  </si>
  <si>
    <t>กระเป๋าสตางค์แบบยาว ดลมณี - ราชบุรี</t>
  </si>
  <si>
    <t>กระเป๋าสตางค์ทำจากผ้าทอพื้นเมืองแต่งลายด้วยหนังวัว</t>
  </si>
  <si>
    <t>6x4x7.5นิ้ว</t>
  </si>
  <si>
    <t>ที่รัดสายไฟชาร์จไฟ ดลมณี - ราชบุรี</t>
  </si>
  <si>
    <t>ผลิตจากหนังวัวแท้</t>
  </si>
  <si>
    <t>4.4x1นิ้ว</t>
  </si>
  <si>
    <t>2 อาทิตย์</t>
  </si>
  <si>
    <t>กระเป๋า I PAD ดลมณี - ราชบุรี</t>
  </si>
  <si>
    <t>ผลิตจากหนัง PU ลายผ้าขาวม้า ด้านในบุผ้าหนังกลับ มีช่องใส่ของด้านนอก พร้อมสายคล้อง</t>
  </si>
  <si>
    <t>2x11.5x8.5นิ้ว</t>
  </si>
  <si>
    <t>กระเป๋าคาดอก เอว ดลมณี - ราชบุรี</t>
  </si>
  <si>
    <t xml:space="preserve">ผลิตจากผ้าทอมือ ประกบหนังวัวแท้ ด้านในบุผ้าหนังกลับ 2 ซิป </t>
  </si>
  <si>
    <t>13x6.2นิ้ว</t>
  </si>
  <si>
    <t>กระเป๋าสะพายเล็ก ดลมณี - ราชบุรี</t>
  </si>
  <si>
    <t>ผลิตจากหนังวัวแท้ บุผ้าทอแต่งลาย มีหูหิ้ว สายสะพายปรับสั้นยาวได้ 3 ช่องใส่ของ</t>
  </si>
  <si>
    <t>2x7.5x9นิ้ว</t>
  </si>
  <si>
    <t>กล่องใส่ดินสอแบบถือ (ผ้าขาวม้า) ดลมณี - ราชบุรี</t>
  </si>
  <si>
    <t>ผลิตจากผ้าขาวม้า ด้านในบุผ้าหนังกลับ พร้อมหูหิ้ว</t>
  </si>
  <si>
    <t>3x8x2.5นิ้ว</t>
  </si>
  <si>
    <t>กล่องใส่ดินสอแบบถือ (ผ้าผักตบชวา) ดลมณี - ราชบุรี</t>
  </si>
  <si>
    <t>ผลิตจากผ้าผักตบชวา ด้านในบุผ้าหนังกลับ พร้อมหูหิ้ว</t>
  </si>
  <si>
    <t>เสื้อคลุม Colourful by Meena - สมุทรปราการ</t>
  </si>
  <si>
    <t xml:space="preserve">เสื้อคลุมมัดยอม เนื้อผ้าคอตตอน </t>
  </si>
  <si>
    <t>M  40 x20 x 20 นิ้ว, L 42x21x21 ,XL 48 x24x24</t>
  </si>
  <si>
    <t>วิสาหกิจชุมชนแฟชั่นมัดย้อม Colourful</t>
  </si>
  <si>
    <t>เสื้อปกชาย Colourful by Meena - สมุทรปราการ</t>
  </si>
  <si>
    <t xml:space="preserve">เสื้อลายมัดยอม เนื้อผ้าคอตตอน </t>
  </si>
  <si>
    <t xml:space="preserve">L 21x17x31 ,XL 46x17x32 </t>
  </si>
  <si>
    <t>เสื้อคอเจาะแขนสั้น Colourful by Meena - สมุทรปราการ</t>
  </si>
  <si>
    <t xml:space="preserve">S 38x12x23 M 40x13x24 L 42x15x26 XL 48x14.5x27 นิ้ว </t>
  </si>
  <si>
    <t>เสื้อคอเจาะแขนยาว Colourful by Meena - สมุทรปราการ</t>
  </si>
  <si>
    <t>S 38x26x23 M 40x28x25 L 42x29x27 XL 50x30x28 XXL 54x32x29</t>
  </si>
  <si>
    <t>เสื้อคอปาด Colourful by Meena - สมุทรปราการ</t>
  </si>
  <si>
    <t>S 38x7x21 M 40x8x21.5 L 44x8x22 XXL 48x10x26</t>
  </si>
  <si>
    <t>เสื้อค้างคาว Colourful by Meena - สมุทรปราการ</t>
  </si>
  <si>
    <t>free size 66x18x24</t>
  </si>
  <si>
    <t>เสื้อกล้าม Colourful by Meena - สมุทรปราการ</t>
  </si>
  <si>
    <t>S 18x3x22 M 18.5x3x23 L 42x4x24</t>
  </si>
  <si>
    <t>กางเกงขนบาน (สั้น) Colourful by Meena - สมุทรปราการ</t>
  </si>
  <si>
    <t xml:space="preserve">กางเกงลายมัดยอม เนื้อผ้าคอตตอน </t>
  </si>
  <si>
    <t>free size 40x64x25</t>
  </si>
  <si>
    <t>กางเกงสี Colourful by Meena - สมุทรปราการ</t>
  </si>
  <si>
    <t>กางเกงผ้าคอตตอต คละสี</t>
  </si>
  <si>
    <t>S M L XL</t>
  </si>
  <si>
    <t>เดรส รวมแบบ Colourful by Meena - สมุทรปราการ</t>
  </si>
  <si>
    <t>เดรสลายมัดย้อม เนื้อผ้าคอตตอน</t>
  </si>
  <si>
    <t>S 34x7x41 M36x8x41</t>
  </si>
  <si>
    <t>ชุดเด็กคละแบบ Colourful by Meena - สมุทรปราการ</t>
  </si>
  <si>
    <t xml:space="preserve">เสื้อ+กางเกงลายมัดยอม เนื้อผ้าคอตตอน </t>
  </si>
  <si>
    <t>คละแบบ</t>
  </si>
  <si>
    <t>ที่ใส่แก้ว YETI ชุมชนดีมีรอยยิ้มยี่งอ - นราธิวาส</t>
  </si>
  <si>
    <t>สานจากกระจูดอัดกาวบุผ้าด้านใน ทรงกระบอก</t>
  </si>
  <si>
    <t>4x7 นิ้ว</t>
  </si>
  <si>
    <t>กล่องซิปรอบ S ชุมชนดีมีรอยยิ้มยี่งอ - ปัตตานี</t>
  </si>
  <si>
    <t xml:space="preserve">สานจากกระจูดอัดกาวบุผ้าด้านใน </t>
  </si>
  <si>
    <t>5.7x9.6x5.5 นิ้ว</t>
  </si>
  <si>
    <t>กล่องซิปรอบ M ชุมชนดีมีรอยยิ้มยี่งอ - นราธิวาส</t>
  </si>
  <si>
    <t>7.8x12x7 นิ้ว</t>
  </si>
  <si>
    <t>ต่างหูจักสาน ชุมชนดีมีรอยยิ้ม - เชียงใหม่</t>
  </si>
  <si>
    <t>ดีไซน์ทรงตระกร้าสานจากไม้ไผ่ตกแต่งด้วยพู่ไหมหรม</t>
  </si>
  <si>
    <t>3 นิ้ว</t>
  </si>
  <si>
    <t>ชุดแซกแม่ราตรี - แม่ฮ่องสอน</t>
  </si>
  <si>
    <t>เดรสคอเสื้อชาวเขาทอผ้าลายยกดอก แต่งปอม</t>
  </si>
  <si>
    <t>42x11x46 นิ้ว</t>
  </si>
  <si>
    <t>กระเป๋าถือผ้าขาวม้าช้างหาดเสี้ยว - สุโขทัย</t>
  </si>
  <si>
    <t>ผลิตจากผ้าฝ้าย ผ้าขาวม้า แปรรูปเป็นกระเป๋า</t>
  </si>
  <si>
    <t>5x14x16 นิ้ว</t>
  </si>
  <si>
    <t>กระเป๋าใบเล็กผ้าขาวม้าบ้านหาดเสี้ยว - สุโขทัย</t>
  </si>
  <si>
    <t>ผ้าขาวม้าอัดกาว แปรรูปเป็นกระเป๋า</t>
  </si>
  <si>
    <t>5.5x7.5 นิ้ว</t>
  </si>
  <si>
    <t xml:space="preserve"> 2 อาทิตย์ - 1 เดือน</t>
  </si>
  <si>
    <t>กางเกงผ้าขาวม้าบ้านหาดเสี้ยว - สุโขทัย</t>
  </si>
  <si>
    <t>ผลิตจากผ้าฝ้าย ผ้าขาวม้า แปรรูปเป็นกางเกงผ้าขาวม้า</t>
  </si>
  <si>
    <t>Free Size</t>
  </si>
  <si>
    <t>Nuttiyar TAAN</t>
  </si>
  <si>
    <t>กระเป๋าผักตบชวา SEVENHEAVEN - กรุงเทพ</t>
  </si>
  <si>
    <t>สานด้วยหวาย ซับในด้วยผ้าฝ้ายตกแต่งด้วยพู่ แต่งบ่าด้วยหนัง PU</t>
  </si>
  <si>
    <t>13x15 นิ้ว</t>
  </si>
  <si>
    <t xml:space="preserve">NUTTI YAR </t>
  </si>
  <si>
    <t xml:space="preserve">SERIOUSTIC.S.E.E. </t>
  </si>
  <si>
    <t>กระเป๋า Convertible Bag S.E.E - กรุงเทพ</t>
  </si>
  <si>
    <t>ผลิตจากผ้าขาวม้าทอมือ ประกบหนังวัวแท้ ด้านในบุผ้า</t>
  </si>
  <si>
    <t>6x11x11นิ้ว</t>
  </si>
  <si>
    <t>SERIOUSTIC.S.E.E.</t>
  </si>
  <si>
    <t>กระเป๋า Bucket Bag S.E.E - กรุงเทพ</t>
  </si>
  <si>
    <t>8x15 นิ้ว</t>
  </si>
  <si>
    <t>กระเป๋า Belt Bag S.E.E - กรุงเทพ</t>
  </si>
  <si>
    <t>3x8x6.5 นิ้ว</t>
  </si>
  <si>
    <t>กระเป๋า Bowler Bag S.E.E - กรุงเทพ</t>
  </si>
  <si>
    <t>4.5x11x12 นิ้ว</t>
  </si>
  <si>
    <t>กระเป๋า Tote Bag S.E.E - กรุงเทพ</t>
  </si>
  <si>
    <t>5x12x13 นิ้ว</t>
  </si>
  <si>
    <t>กระเป๋า Cross Body and Classic Bag S.E.E - กรุงเทพ</t>
  </si>
  <si>
    <t>4x11x10 นิ้ว</t>
  </si>
  <si>
    <t>jinja_Sewing Quilt &amp; Craft</t>
  </si>
  <si>
    <t xml:space="preserve">ช้างปิ๊กแป็ก จินจ๋า @ คราฟท์ - พะเยา </t>
  </si>
  <si>
    <t>ชิ้น</t>
  </si>
  <si>
    <t>ผลิตจากผ้าพื้นเมือง ด้นมือ เป็นกระเป๋าสตางค์รูปช้าง</t>
  </si>
  <si>
    <t>3x4.5 นิ้ว</t>
  </si>
  <si>
    <t xml:space="preserve">จินจ๋า @ คราฟท์ สตูดิโอ </t>
  </si>
  <si>
    <t xml:space="preserve">VIM DESIGN </t>
  </si>
  <si>
    <t>ย่ามผูกโบว์ VIM DESIGN - นนทบุรี</t>
  </si>
  <si>
    <t>ย่ามทำจากผ้าขาวม้า</t>
  </si>
  <si>
    <t>14x31 นิ้ว</t>
  </si>
  <si>
    <t>กระเป๋าขวดน้ำรีไซเคิล เครือคราม - ปทุมธานี</t>
  </si>
  <si>
    <t>ผลิตจากฝากขวดน้ำพลาสติก</t>
  </si>
  <si>
    <t>5x17x12 นิ้ว</t>
  </si>
  <si>
    <t xml:space="preserve">ร้านเครือคราม </t>
  </si>
  <si>
    <t>กระเป๋าสานมาดากัสก้า (เล็ก) เครือคราม - ปทุมธานี</t>
  </si>
  <si>
    <t>กระเป๋าสาน บุกระจูดด้านใน ตัวสายเป็นหนัง</t>
  </si>
  <si>
    <t>7x10x10 นิ้ว</t>
  </si>
  <si>
    <t>ประมาณการไม่ได้</t>
  </si>
  <si>
    <t>กระเป๋าสานเป็นห่วง มาด้ากัสก้า เครือคราม -ปทุมธานี</t>
  </si>
  <si>
    <t>กระเป๋าสานเป็นห่วง ย้อมสีสันสดใส</t>
  </si>
  <si>
    <t>8x16x12 นิ้ว</t>
  </si>
  <si>
    <t>ผ้าขาวม้าลายตาโตบ้านไทรงาม - สระแก้ว</t>
  </si>
  <si>
    <t>ผ้าขาวม้าทอมือ สีแดง-น้ำเงิน</t>
  </si>
  <si>
    <t>88x200 ซม.</t>
  </si>
  <si>
    <t xml:space="preserve">กลุ่มทอผ้าบ้านไทรงาม </t>
  </si>
  <si>
    <t>สมุดปกแข็งไม่มีเส้น</t>
  </si>
  <si>
    <t>บริษัท ว.ธนชัย เอนเตอร์ไพรส์ จำกัด</t>
  </si>
  <si>
    <t>กล่องไผ่ดำ เล็ก 6.5 x 8 - กรุงเทพ</t>
  </si>
  <si>
    <t>สานด้วยไม้ไผ่สาน รมควัน ทรงสีเหลี่ยม</t>
  </si>
  <si>
    <t>7x8x2 นิ้ว</t>
  </si>
  <si>
    <t>ร้าน ไทย ไทย</t>
  </si>
  <si>
    <t>สินค้าอุปโภคส่วนตัว</t>
  </si>
  <si>
    <t>บริษัท ประชารัฐรักสามัคคีพะเยา (วิสาหกิจเพื่อสังคม) จำกัด</t>
  </si>
  <si>
    <t>ชุมชนดีมีรอยยิ้มเมืองปัตตานี</t>
  </si>
  <si>
    <t>ชุมชนดีมีรอยยิ้มแม่แจ่ม</t>
  </si>
  <si>
    <t>วิมพ์ดีไซน์ VIM DESIGN</t>
  </si>
  <si>
    <t>เน็คไท (ผ้าทอยกดอก) - ตรัง</t>
  </si>
  <si>
    <t>เส้น</t>
  </si>
  <si>
    <t>ผ้าทอยกดอก สีทอง</t>
  </si>
  <si>
    <t>ยาว 58 นิ้ว</t>
  </si>
  <si>
    <t xml:space="preserve">วิสาหกิจชุมชนผ้าทอนาหมื่นศรี </t>
  </si>
  <si>
    <t>กระเป๋ากระจูดสองชั้น - นราธิวาส</t>
  </si>
  <si>
    <t>กระเป๋าสานจากกรจูด 2 ชั้น ย้อมสีธรรมชาติ</t>
  </si>
  <si>
    <t>3x10x13 นิ้ว</t>
  </si>
  <si>
    <t>บริษัท ประชารัฐรักสามัคคีนราธิวาส (วิสาหกิจเพื่อสังคม) จำกัด</t>
  </si>
  <si>
    <t>กระจูดกระเช้า - นราธิวาส</t>
  </si>
  <si>
    <t>กระจาดสานจากกระจูด รูปแบบทรงกลม</t>
  </si>
  <si>
    <t>14 นิ้ว</t>
  </si>
  <si>
    <t>กลุ่มสตรีจักสานกระจูด</t>
  </si>
  <si>
    <t>สมุดปกกาบกล้วย 2 พับ - ปัตตานี</t>
  </si>
  <si>
    <t>ผลิตจากกาบกล้วย แต่งลายด้วยผ้าบาติด</t>
  </si>
  <si>
    <t>2x9x16 ซม.</t>
  </si>
  <si>
    <t>กลุ่มกัทลีหัตถกรรมกาบกล้วย</t>
  </si>
  <si>
    <t>สมุดกาบกล้วยกะลากลุ่มภัทลี - ปัตตานี</t>
  </si>
  <si>
    <t>ผลิตจากกาบกล้วย แต่งลายด้วยผ้าบาติด และกะลา</t>
  </si>
  <si>
    <t>2x13x9 ซม.</t>
  </si>
  <si>
    <t>กล่องเจาะหน้าผ้าขาวม้า 14x28x6.5 ซม.- ปัตตานี</t>
  </si>
  <si>
    <t>ผลิตจากาบกล้วยและกระดาษสา พร้อมเจาะหน้า</t>
  </si>
  <si>
    <t>14x28x6.5 ซม</t>
  </si>
  <si>
    <t>ผ้าปูที่นอนบาติก - ภูเก็ต</t>
  </si>
  <si>
    <t>ชุด</t>
  </si>
  <si>
    <t>ผลิตจากผ้าบาติก</t>
  </si>
  <si>
    <t>6 ฟุต</t>
  </si>
  <si>
    <t>บริษัท ประชารัฐรักสามัคคีภูเก็ต (วิสาหกิจเพื่อสังคม) จำกัด</t>
  </si>
  <si>
    <t>กระแตบฝาครอบ บ้านทรงธรรม - ชลบุรี</t>
  </si>
  <si>
    <t>จักรสานแปรรูปจากไม้ไผ่</t>
  </si>
  <si>
    <t>10x12 นิ้ว</t>
  </si>
  <si>
    <t>กลุ่มส่งเสริมอาชีพจักสานไม้ไผ่บ้านทรงธรรม</t>
  </si>
  <si>
    <t>ปกสมุดผ้าขาวม้า ขนาด B6 ลายผ้าขาวม้า ดลมณี - ราชบุรี</t>
  </si>
  <si>
    <t>ผลิตจากผ้าฝ้ายทอมือ แปรรูปเป็นปกสมุด</t>
  </si>
  <si>
    <t xml:space="preserve">
BANHOWsaohai </t>
  </si>
  <si>
    <t>ตุ๊กตาแม่อวบฝ้ายเย็บมือ บ้านเฮาเสาไห้ - สระบุรี</t>
  </si>
  <si>
    <t>ตุ๊กตาเย็บมือ แต่งผ้าทอมือยกดอก</t>
  </si>
  <si>
    <t>5.5x15.5 นิ้ว</t>
  </si>
  <si>
    <t>บ้านเฮาเสาไห้</t>
  </si>
  <si>
    <t>เสื้อคอวีผ้าภูอัคนี - บุรีรัมย์</t>
  </si>
  <si>
    <t>ผ้าภูอัคนีทอมือ ย้อมดินภูเขาไฟ แปรรูปเป็นเสื้อผ้า</t>
  </si>
  <si>
    <t>Size S M L</t>
  </si>
  <si>
    <t>กลุ่มอาชีพสตรีทอผ้าฝ้าย-ไหม(ภูอัคนี)</t>
  </si>
  <si>
    <t>โมบายผ้าภูอัคนี - บุรีรัมย์</t>
  </si>
  <si>
    <t>โมบายผ้าทอมือ</t>
  </si>
  <si>
    <t>5.5x6 นิ้ว</t>
  </si>
  <si>
    <t>นายพัฒนชัย ลิมไธสง</t>
  </si>
  <si>
    <t>กระเป๋าคีรีวายุ (ผ้าภูอัคคนี) แบบถือ - บุรีรัมย์</t>
  </si>
  <si>
    <t>ทำจากผ้าทอมือภูอัคนี ตกแต่งสายหนัง</t>
  </si>
  <si>
    <t>3x5.5x7</t>
  </si>
  <si>
    <t>ที่รองจานเสื่อกก - บุรีรัมย์</t>
  </si>
  <si>
    <t>ทำจากต้นกก</t>
  </si>
  <si>
    <t>32x45 cm</t>
  </si>
  <si>
    <t>พวงกุญแจภูเขาไฟ - บุรีรัมย์</t>
  </si>
  <si>
    <t>ทำจากผ้าทอมือภูอัคนี ตกแต่งด้วยเชือกเทียน</t>
  </si>
  <si>
    <t>3.5x4.4 นิ้ว</t>
  </si>
  <si>
    <t>กระเป๋าคีรีวายุ (ผ้าภูอัคคนี)แบบปากหนีบ - บุรีรัมย์</t>
  </si>
  <si>
    <t>3x4.7x4 นิ้ว</t>
  </si>
  <si>
    <t>รองเท้าผักตบชวา - บุรีรัมย์</t>
  </si>
  <si>
    <t>รองเท้าสานจากผักตบชวา พื้นเป็นฟองน้ำ</t>
  </si>
  <si>
    <t>Size M L</t>
  </si>
  <si>
    <t>กางเกงผ้าฝ้าย (ทรงแม้ว) สิ่งประดิษฐ์ - ยโสธร</t>
  </si>
  <si>
    <t>ผ้าขาวม้าทอมือ แปรรูปเป็นกางเกงทรงแม้ว</t>
  </si>
  <si>
    <t xml:space="preserve">กลุ่มผ้าแปรรูปและสิ่งประดิษฐ์ </t>
  </si>
  <si>
    <t>กระเป๋าเป้โค้ง E-PO ผ้าขาวม้าสีกรม - อำนาจเจริญ</t>
  </si>
  <si>
    <t>แปรรูปจากผ้าขาวม้า ซับในด้วยผ้าผ้าสปันบอนด์</t>
  </si>
  <si>
    <t>3.5x11x12 นิ้ว</t>
  </si>
  <si>
    <t>มาลัยกรผ้าขาวม้าจิ๋ว สีชมพู - อำนาจเจริญ</t>
  </si>
  <si>
    <t>ทำจากผ้าขาวม้าแบ่ง 4 ส่วน แล้วนำมาพับเป็นมาลัยกร</t>
  </si>
  <si>
    <t>20x36 นิ้ว</t>
  </si>
  <si>
    <t>นางกัลยารัตน์ เชื้อสิงห์</t>
  </si>
  <si>
    <t>กระเป๋าสตางค์ผ้าขาวม้า - อำนาจเจริญ</t>
  </si>
  <si>
    <t>ผลิตจากผ้าขาวม้า แปรรูปเป็นกระเป๋าสตางค์</t>
  </si>
  <si>
    <t>4x6.7 นิ้ว</t>
  </si>
  <si>
    <t>กระเป๋าแฟชั่น 2 ช่อง นุชบา - อำนาจเจริญ</t>
  </si>
  <si>
    <t>ผลิตจากผ้าขาวม้า แปรรูปเป็นกระเป๋ามีที่ใส่ 2 ช่อง</t>
  </si>
  <si>
    <t>4x8x8 นิ้ว</t>
  </si>
  <si>
    <t>มินิบัสเกตสายหนัง นุชบา - อำนาจเจริญ</t>
  </si>
  <si>
    <t>ผลิตจากผ้าขาวม้าอัดกาว แปรรูปผ้าขาวม้าสายหนัง</t>
  </si>
  <si>
    <t>4x10x7.5 นิ้ว</t>
  </si>
  <si>
    <t>กระเป๋าบัสเกตทรงสูงผ้าเชียงใหม่ นุชบา - อำนาจเจริญ</t>
  </si>
  <si>
    <t>ผลิตจากผ้าทอพื้นเมืองเชียงใหม่ แปรรูปเป็นกระเป๋า</t>
  </si>
  <si>
    <t>11x14 นิ้ว</t>
  </si>
  <si>
    <t>ที่รองจานเสื่อกก อู่ต่อเรือ - จันทบุรี</t>
  </si>
  <si>
    <t>30x45 cm</t>
  </si>
  <si>
    <t>กลุ่มสตรีทอเสื่อกกบ้านเสม็ดงาม</t>
  </si>
  <si>
    <t>เสื้อแจ๊กเก็ต ผ้าขาวม้า - ปทุมธานี</t>
  </si>
  <si>
    <t>ผ้าขาวม้าทอมือ แปรรูปเป็นเสื้อแจ๊กเก็ต</t>
  </si>
  <si>
    <t>SIZE L</t>
  </si>
  <si>
    <t>วิสาหกิจชุมชน คตตอนดีไซน์</t>
  </si>
  <si>
    <t>รองเท้าผ้าทอ SIZE S บ้านบัวก๋อ - เลย</t>
  </si>
  <si>
    <t>ผลิตจากผ้าฝ้ายทอมือ บุฟองน้ำ</t>
  </si>
  <si>
    <t>SIZE S 10 นิ้ว</t>
  </si>
  <si>
    <t xml:space="preserve">ชุมชนบ้านบัวก๋อ </t>
  </si>
  <si>
    <t>รองเท้าผ้าทอ SIZE M บ้านบัวก๋อ - เลย</t>
  </si>
  <si>
    <t>SIZE M 11 นิ้ว</t>
  </si>
  <si>
    <t>รองเท้าผ้าทอ SIZE L บ้านบัวก๋อ - เลย</t>
  </si>
  <si>
    <t>SIZE L11.5 นิ้ว</t>
  </si>
  <si>
    <t>ผอบช้าง จักรสานไทเลย - เลย</t>
  </si>
  <si>
    <t>สานด้วยไม้ไผ่ ฐานและฝาทำจากไม้สักรมควัน</t>
  </si>
  <si>
    <t>10x16 cm</t>
  </si>
  <si>
    <t xml:space="preserve">กลุ่มหัตถกรรมจักสานไทเลย </t>
  </si>
  <si>
    <t>พวงกุญแจไดโนเสาร์เล็ก สีน้ำเงินขาว - กาฬสินธุ์</t>
  </si>
  <si>
    <t xml:space="preserve">ผลิตจากผ้าขาวม้า สีขาว-ฟ้า </t>
  </si>
  <si>
    <t>11x14 cm</t>
  </si>
  <si>
    <t xml:space="preserve">บริษัท ประชารัฐรักสามัคคีกาฬสินธุ์ (วิสาหกิจเพื่อสังคม) จำกัด </t>
  </si>
  <si>
    <t>เสื้อมัดย้อมคราม นุ่มนิ่มผ้าคราม - สกลนคร</t>
  </si>
  <si>
    <t>ผ้า COTTON ย้อมคราม</t>
  </si>
  <si>
    <t>ร้าน 928 นุ่นนิ่มผ้าคราม บ้านโนนจำปา</t>
  </si>
  <si>
    <t>คาดผม นุ่มนิ่มผ้าคราม - สกลนคร</t>
  </si>
  <si>
    <t>ตัดเย็บจากผ้ามัดย้อม</t>
  </si>
  <si>
    <t>22 นิ้ว</t>
  </si>
  <si>
    <t>พวงกุญแจแมว นุ่มนิ่มผ้าคราม - สกลนคร</t>
  </si>
  <si>
    <t>ทำจากผ้าย้อมคราม ตกแต่งด้วยปอม พู่ และกระดิ่ง ปักหน้ารูปแมว</t>
  </si>
  <si>
    <t>3.7x8.5 นิ้ว</t>
  </si>
  <si>
    <t>พวงกุญแจดอกไม้ นุ่มนิ่มผ้าคราม - สกลนคร</t>
  </si>
  <si>
    <t>ทำจากผ้าย้อมคราม ตกแต่งด้วยปอม พู่ และกระดิ่ง</t>
  </si>
  <si>
    <t>8 นิ้ว</t>
  </si>
  <si>
    <t>เทวาผ้าไทย</t>
  </si>
  <si>
    <t>ผ้าขาวม้า - หนองบัวลำภู เทวา</t>
  </si>
  <si>
    <t>ผ้าฝ้ายทอมือ ลายผ้าขาวม้า หมักน้ำซาวข้าว</t>
  </si>
  <si>
    <t>กลุ่มทอผ้าพื้นเมืองเทวาผ้าไทย บ้านนาคำไฮ</t>
  </si>
  <si>
    <t>ผ้าคลุมไหล่ผ้าขาวม้า บ้านนาคำไฮ - หนองบัวลำภู</t>
  </si>
  <si>
    <t>ผ้าพันคอ - หนองบัวลำภู เทวา</t>
  </si>
  <si>
    <t>ผ้าฝ้ายทอมือ หมักน้ำซาวข้าว</t>
  </si>
  <si>
    <t>50x200 cm</t>
  </si>
  <si>
    <t>ข้าวมะลิดำ 62 ข้าวเปลือก - หนองคาย</t>
  </si>
  <si>
    <t>ผ้าฝ้ายทอมือ ลายลูกแก้ว หมักน้ำซาวข้าว</t>
  </si>
  <si>
    <t>ช่อดอกกุหลาบผ้าขาวม้าแบบ 1 ผืน - อำนาจเจริญ</t>
  </si>
  <si>
    <t>ช่อ</t>
  </si>
  <si>
    <t>ดอกไม้ทำจากผ้าขาวม้า ทอมือ แกะออกแล้วสามารถนำไปใช้ประโยชน์ได้</t>
  </si>
  <si>
    <t>บริษัท ประชารัฐรักสามัคคีอำนาจเจริญ (วิสาหกิจเพื่อสังคม) จำกัด</t>
  </si>
  <si>
    <t>ช่อดอกกุหลาบผ้าขาวม้าแบบ 2 ผืน - อำนาจเจริญ</t>
  </si>
  <si>
    <t>กระเป๋ามินิบัสเกตสายผ้า นุชบา - อำนาจเจริญ</t>
  </si>
  <si>
    <t>ผ้าขาวม้าแปรรูปเป็นกระเป๋า บุผ้าผ้าสปันบอนด์ สายคล้องมือ</t>
  </si>
  <si>
    <t>4.5x10x8 นิ้ว</t>
  </si>
  <si>
    <t>โจงกระเบน - อำนาจเจริญ</t>
  </si>
  <si>
    <t>ผ้าขาวม้าทอมือ แปรรูปเป็นโจงกระเบน</t>
  </si>
  <si>
    <t>กระเป๋าผ้าขาวม้า Long Champ - อำนาจเจริญ</t>
  </si>
  <si>
    <t>ผ้าขาวม้าทอมือ แปรรูปเป็นกระเป๋า มีสายแบบถือและสะพายข้าง</t>
  </si>
  <si>
    <t>ผ้าอเนกประสงค์ปักลายดอกไม้ - อุบลราชธานี</t>
  </si>
  <si>
    <t>ผ้าทอมือย้อมสีธรรมชาติ โขงเจียม ปักสายดอกไม้</t>
  </si>
  <si>
    <t>14x14 นิ้ว</t>
  </si>
  <si>
    <t>นางสวาย จันทร์ปิรักษ์</t>
  </si>
  <si>
    <t>ผ้าอเนกประสงค์ติดตุ๊กตาปลา - อุบลราชธานี</t>
  </si>
  <si>
    <t>ผ้าทอมือย้อมสีธรรมชาติ โขงเจียม</t>
  </si>
  <si>
    <t>กระเป๋าเล็ก บ้านห้วยทราย - เชียงใหม่</t>
  </si>
  <si>
    <t>ทำจากผ้าพื้นเมือง แต่งพู่</t>
  </si>
  <si>
    <t>5x7 นิ้ว</t>
  </si>
  <si>
    <t>ผลิตภัณฑ์ผ้าฝ้ายทอมือ กลุ่มทอผ้าบ้านห้วยทราย</t>
  </si>
  <si>
    <t>พวงกุญแจปลา บ้านห้วยทราย - เชียงใหม่</t>
  </si>
  <si>
    <t>ทำจากผ้าพื้นเมือง ปักลายด้วยมือ</t>
  </si>
  <si>
    <t>กระเป๋าถือมหาเสน่ห์ - พะเยา</t>
  </si>
  <si>
    <t>ผลิตจากผักตบชวา ตกแต่งด้วยพู่และผ้าขาวม้า</t>
  </si>
  <si>
    <t>2x12x10 นิ้ว</t>
  </si>
  <si>
    <t>กระเป๋าสะพายมหาเสน่ห์ - พะเยา</t>
  </si>
  <si>
    <t>สานด้วยผักตบชวาทั้งใบ ด้านในบุผ้าสาลู ตกแต่งด้วยพู่</t>
  </si>
  <si>
    <t>15x10x12 นิ้ว</t>
  </si>
  <si>
    <t>พวงกุญแจ ตากียะ - แม่ฮ่องสอน</t>
  </si>
  <si>
    <t>ทำจากผ้าทอมือ ตัดเย็บด้วยมือ ตกแต่งปอม และลูกปัด</t>
  </si>
  <si>
    <t>3.5x3 นิ้ว</t>
  </si>
  <si>
    <t xml:space="preserve">กลุ่มตากีญะ </t>
  </si>
  <si>
    <t>เสื้อตัดสั้นตัดต่อ บ้านหาดเสี้ยว - สุโขทัย</t>
  </si>
  <si>
    <t>ผ้าทอมือ ตกแต่งชายเสื้อด้วยผ้าขาวม้า</t>
  </si>
  <si>
    <t>อก 50 ไหล่ 13 ยาว 19</t>
  </si>
  <si>
    <t>เสื้อเชิ๊ตผู้ชาย - ประจวบคีรีขันธ์</t>
  </si>
  <si>
    <t>ผ้าฝ้ายทอมือ แปรรูปเป็นเสื้อผ้า</t>
  </si>
  <si>
    <t>Size L อก 43</t>
  </si>
  <si>
    <t>กลุ่มสตรีทอผ้าบ้านเขาเต่า</t>
  </si>
  <si>
    <t>กระเป๋าสตางค์ บ้านเขาเต่า - ประจวบคีรีขันธ์</t>
  </si>
  <si>
    <t>กระเป๋าสตางค์หนัง PU บุผ้ายกดอก พร้อมสายคล้องมือ</t>
  </si>
  <si>
    <t>4.5x7.5 นิ้ว</t>
  </si>
  <si>
    <t>สมุดกาบกล้วยกะลา ลายสีน้ำตาล - ปัตตานี</t>
  </si>
  <si>
    <t>ปกสมุดผลิตจากกาบกล้วย ด้านในตกแต่งผ้าบาติกแลพกะลา</t>
  </si>
  <si>
    <t>16x22 cm</t>
  </si>
  <si>
    <t>กระเป๋าคุณนาย ชุมชนดีมีรอยยิ้มยี่งอ - นราธิวาส</t>
  </si>
  <si>
    <t>กระเป๋าสานจากกระจูดอัดกาว สายสีดำเป็นหนัง PU</t>
  </si>
  <si>
    <t>5x8 นิ้ว</t>
  </si>
  <si>
    <t>เสื้อคลุมผ้าขาวม้ายูกะตะหาดเสี้ยว - สุโขทัย</t>
  </si>
  <si>
    <t>ผ้าฝ้ายผ้าขาวม้า แปรรูปเป็นเสื้อยูกะตะ</t>
  </si>
  <si>
    <t>ย่ามใบเล็กบ้านหาดเสี้ยว วิมพ์ดีไซน์ - นนทบุรี</t>
  </si>
  <si>
    <t>9x30 นิ้ว</t>
  </si>
  <si>
    <t>กางเกงฮาเร็มผ้าขาวม้า วิมพ์ดีไซน์ - นนทบุรี</t>
  </si>
  <si>
    <t>ผ้าขาวม้าทอมือ แปรรูปเป็นกางเกง ทรงฮาเร็ม</t>
  </si>
  <si>
    <t>กางเกงฮาเร็มผ้าถุง วิมพ์ดีไซน์ - นนทบุรี</t>
  </si>
  <si>
    <t>ผ้าถุงพื้นเมือง แปรรูปเป็นกางเกง ทรงฮาเร็ม</t>
  </si>
  <si>
    <t>เดรสผ้าขาวม้าอัดกาว VIM DESIGN - นนทบุรี</t>
  </si>
  <si>
    <t>ผ้าขาวม้า อัดกาวแปรรูปเป็นชุดเดรส</t>
  </si>
  <si>
    <t>Size L หน้าอก 36นิ้ว ยาว 40 นิ้ว</t>
  </si>
  <si>
    <t>เดรสผ้าขาวม้าตัดต่อไม่อัดกาว VIM DESIGN - นนทบุรี</t>
  </si>
  <si>
    <t>Size L หน้าอก 36นิ้ว ยาว 35 นิ้ว</t>
  </si>
  <si>
    <t>กล่องกระดาษสา+โบว์สีน้ำตาล - ปัตตานี</t>
  </si>
  <si>
    <t>แปรรูปจากกาบกล้วย ตกแต่งด้วยโบว์สีน้ำตาล</t>
  </si>
  <si>
    <t>3.5x14x31cm</t>
  </si>
  <si>
    <t>กล่องทรงสูง + ดอกไม้ - ปัตตานี</t>
  </si>
  <si>
    <t>แปรรูปจากกาบกล้วย ตกแต่งด้วยดอกไม้ประดิษฐ์</t>
  </si>
  <si>
    <t>9x21 cm</t>
  </si>
  <si>
    <t>ชะลอมหูหิ้ว 7 นิ้ว บ้านสวนตาล - ชลบุรี</t>
  </si>
  <si>
    <t>7x12 นิ้ว</t>
  </si>
  <si>
    <t xml:space="preserve">กลุ่มแม่บ้านสวนตาล </t>
  </si>
  <si>
    <t>ชะลอมจุก 4 นิ้ว บ้านสวนตาล - ชลบุรี</t>
  </si>
  <si>
    <t>4x16 นิ้ว</t>
  </si>
  <si>
    <t>กล่องสี่เหลี่ยม 8x8 บ้านสวนตาล - ชลบุรี</t>
  </si>
  <si>
    <t>8x8 นิ้ว</t>
  </si>
  <si>
    <t>ตลับ 8 เหลียม บ้านสวนตาล</t>
  </si>
  <si>
    <t>10x2.5 นิ้ว</t>
  </si>
  <si>
    <t>ที่ใส่ไวน์คู่ไม้ไผ่ บ้านทรงธรรม - ชลบุรี</t>
  </si>
  <si>
    <t>7.5x18 นิ้ว</t>
  </si>
  <si>
    <t>กล่องเจาะหน้าผ้าขาวม้า 8x12 บ้านสวนตาล - ชลบุรี</t>
  </si>
  <si>
    <t>8x3x12 นิ้ว</t>
  </si>
  <si>
    <t>ชลอมจุกไม้ไผ่ 7 นิ้ว บ้านทรงธรรม - ชลบุรี</t>
  </si>
  <si>
    <t>7x16 นิ้ว</t>
  </si>
  <si>
    <t>ชลอมจุกไม้ไผ่ 5 นิ้ว บ้านทรงธรรม - ชลบุรี</t>
  </si>
  <si>
    <t>5x14 นิ้ว</t>
  </si>
  <si>
    <t>ชลอมเหลี่ยมไม้ไผ่ 8 นิ้ว บ้านทรงธรรม - ชลบุรี</t>
  </si>
  <si>
    <t>8x3.3นิ้ว</t>
  </si>
  <si>
    <t>ตะกร้าใส่น้ำพริกไม้ไผ่ บ้านทรงธรรม - ชลบุรี</t>
  </si>
  <si>
    <t>2.5x7.5 นิ้ว</t>
  </si>
  <si>
    <t>ชลอมใส่จดหมายไม้ไผ่ บ้านทรงธรรม - ชลบุรี</t>
  </si>
  <si>
    <t>7x15 นิ้ว</t>
  </si>
  <si>
    <t>หาบไม้ไผ่ บ้านทรงธรรม - ชลบุรี</t>
  </si>
  <si>
    <t>7x17 นิ้ว</t>
  </si>
  <si>
    <t>ลูกแอปเปิ้ลไม้ไผ่ บ้านทรงธรรม - ชลบุรี</t>
  </si>
  <si>
    <t>ตุ๊กตาควาย AMPAN - เชียงใหม่</t>
  </si>
  <si>
    <t>ผ้าฝ้ายทอมือพื้นเมือง ตัดเย็บด้วยมือ</t>
  </si>
  <si>
    <t xml:space="preserve">  1 - 2 เดือน</t>
  </si>
  <si>
    <t>ร้านผ้าฝ้ายอำพัน</t>
  </si>
  <si>
    <t>ตุ๊กตาช้าง AMPAN - เชียงใหม่</t>
  </si>
  <si>
    <t>6 นิ้ว</t>
  </si>
  <si>
    <t>ตุ๊กตาหมี AMPAN - เชียงใหม่</t>
  </si>
  <si>
    <t>11 นิ้ว</t>
  </si>
  <si>
    <t>พวงกุญแจตุ๊กตากระต่าย AMPAN - เชียงใหม่</t>
  </si>
  <si>
    <t>9 นิ้ว</t>
  </si>
  <si>
    <t>ตุ๊กตากระต่าย AMPAN - เชียงใหม่</t>
  </si>
  <si>
    <t>กล่องทิชชูเล็กย้อมสีธรรมชาติ ชุมชนดีมีรอยยิ้มแหลมสิงห์ - จัน</t>
  </si>
  <si>
    <t>ทำจากเสื่อกก บุด้วยผ้า</t>
  </si>
  <si>
    <t>5x5.5x4 นิ้ว</t>
  </si>
  <si>
    <t>กล่องทิชชูใหญ่ ย้อมสีธรรมชาติ - จันทบุรี</t>
  </si>
  <si>
    <t>5x10x4 นิ้ว</t>
  </si>
  <si>
    <t xml:space="preserve">   1 - 2 เดือน </t>
  </si>
  <si>
    <t>กล่องทิชชูใหญ่ ย้อมสีเคมี - จันทบุรี</t>
  </si>
  <si>
    <t>พวงกุญแจหมี ทรัพย์ปัญญา- หนองบัวลำภู</t>
  </si>
  <si>
    <t>สำหรับใส่กุญแจ สายสามารถรูดเก็บกุญแจได้ ตัดเย็บปราณีต น้ำหนักเบา</t>
  </si>
  <si>
    <t>4x4 นิ้ว</t>
  </si>
  <si>
    <t>5 วัน</t>
  </si>
  <si>
    <t>1 อาทิตย์</t>
  </si>
  <si>
    <t>ไปรษณีย์ , ขนส่งเอกชน</t>
  </si>
  <si>
    <t xml:space="preserve">กลุ่มแปรรูปผลิตภัณฑ์หัตถกรรมชุมชนทรัพย์ปัญญา </t>
  </si>
  <si>
    <t>พวงกุญแจดอกบัว ทรัพย์ปัญญา - หนองบัวลำภู</t>
  </si>
  <si>
    <t>4x6 นิ้ว</t>
  </si>
  <si>
    <t>Barahom Barzaar</t>
  </si>
  <si>
    <t>กระเป๋ากลม ผ้าลินินปักดอกไม้ ชุมชนดีมีรอยยิ้ม - ปัตตานี</t>
  </si>
  <si>
    <t>กระเป๋าปักดอกลินินทำจากผ้าฝ้ายและมาปักดอกด้วยเครื่องจักรโบราณที่คนในชุมชนส่วนใหญ่จะถนัดกับการปักดอกต่างๆบนชุดละหมาด และทางกลุ่มได้ต่อยอดจากชุดละหมาดมาเป็นกระเป๋าใส่ลูกเหรียญเพื่อเพิ่มกลุ่มลูกค้า</t>
  </si>
  <si>
    <t xml:space="preserve">  กว้าง 9 ซ.ม x ยาว 9 ซ.ม</t>
  </si>
  <si>
    <t>แล้วแต่การใช้งานของแต่ละบุคคล</t>
  </si>
  <si>
    <t>3 อาทิตย์</t>
  </si>
  <si>
    <t>กระเป๋าผ้าปาเต๊ะใส่โทรศัพท์ ชุมชนดีมีรอยยิ้ม - ปัตตานี</t>
  </si>
  <si>
    <t>กระเป๋าผ้าปาเต๊ะใส่โทรศัพท์ทำจากผ้าปาเต๊ะพิมพ์ด้วยบล็อคไม้ ซึ่งเป็นผลิตภัณฑ์ที่ต่อยอดของกลุ่มจากเดิมทางกลุ่มทำกระเป๋าใส่โทรศัพท์จากผ้ามัดย้อมครามและมาต่อยอดเป็นผ้าปาเต๊ะซึ่งเป็นผ้าพื้นถิ่นในพื้นที่สามจังหวัดชายแดนภาคใต้</t>
  </si>
  <si>
    <t xml:space="preserve">  กว้าง 8.5 ซ.ม x ยาว 18 ซ.ม</t>
  </si>
  <si>
    <t>ผ้าคลุมไหล่ ชุมชนดีมีรอยยิ้ม - ปัตตานี</t>
  </si>
  <si>
    <t>ผ้าคลุมไหล่ทำจากผ้าชีฟองอัดพลีสซึ่งจะเป็นผ้าที่ใส่สบายและทางกลุ่มได้ซื้อผ้าสำเร็จรูปและมาเพิ่มในส่วนการปักดอกบนผ้า</t>
  </si>
  <si>
    <t xml:space="preserve">  กว้าง 87 ซ.ม x ยาว 180 ซ.ม</t>
  </si>
  <si>
    <t>กระเป๋าสะพายกลาง ดลมณี - ราชบุรี</t>
  </si>
  <si>
    <t>กระเป๋าผ้าผลิตจากเส้นใยผักตบชวา สายสีน้ำตาลหนังแท้ ด้านในเป็นผ้าหนังกลับ</t>
  </si>
  <si>
    <t>กว้าง 16 x ยาว 24 x สูง 22 cm</t>
  </si>
  <si>
    <t>น้ำมันดอกไม้ ดลมณี - ราชบุรี</t>
  </si>
  <si>
    <t>น้ำมันหอมจากกลิ่นดอกไม้โดยแช่นำมันใส่ขวดโหลแล้วใช้ใบตองสดห่อขวดโหลนำไปบ่มโดยวิธีการตากแดดทั้งวัน จนครบ 7 วันแล้ผสมสูตรน้ำมันสมุนไพรให้เป็นสูตรฌฉพาะอีก 7 วันจะได้น้ำมันดอกไม้ที่มีกิ่นหอมมาก ช่วยบำรุงผิวให้กลิ่นภายหอม ผิวนุ่มชุ่มชื้น ปัจจุบันมี 4 กลิ่น ดังนี้ กุหลาบหรรษา กระดังงาชมจันทร์ ชวนฝันลาเวนเดอร์ เพื่อนเกลอซีตรัส เลขที่จดแจ้ง 12-1-6200039112</t>
  </si>
  <si>
    <t>ปริมาณ 8 CC</t>
  </si>
  <si>
    <t>1-2 อาทิตย์</t>
  </si>
  <si>
    <t>ผ้าปิดจมูกCotton100% 2 ชั้นมีช่องใส่แผ่นกรอง ดลมณี - ราชบุรี</t>
  </si>
  <si>
    <t>ผ้า Cotton 100% เย็บ 2 ชั้น ด้านในเป็นผ้าสาลู 
มีช่องใส่แผ่นกรองให้ด้านใน</t>
  </si>
  <si>
    <t>13x22 cm</t>
  </si>
  <si>
    <t>กระเป๋าถักปอ บ้านแถวนา - จันทบุรี</t>
  </si>
  <si>
    <t>ผลิตจากเส้นปอ สานด้วยมือทั้งใบ</t>
  </si>
  <si>
    <t>กว้าง 10 นิ้ว X ยาว 14 นิ้ว X สูงถึงสาย 23 นิ้ว</t>
  </si>
  <si>
    <t>3 - 5 เดือน</t>
  </si>
  <si>
    <t>ไปรษณีย์ ,  ขนส่งเอกชน</t>
  </si>
  <si>
    <t>เสื่อเย็บริม 90x190 ซม. บ้านแถวนา - จันทบุรี</t>
  </si>
  <si>
    <t xml:space="preserve">ผลิตจากต้นกก ทอด้วยมือ </t>
  </si>
  <si>
    <t>กว้าง 90 cm ยาว 190 cm</t>
  </si>
  <si>
    <t>ถุงผ้ามัดย้อม Colourful by Meena - สมุทรปราการ</t>
  </si>
  <si>
    <t>กระเป๋าผ้ามัดย้อม กระเป๋ามีก้น งานแฮนเมด สีสวย ใช้งานสะดวก ทนทาน</t>
  </si>
  <si>
    <t>15x15 นิ้ว</t>
  </si>
  <si>
    <t>ผ้าคลุมไหล่ ชุมชนดีมีรอยยิ้มยี่งอ - นราธิวาส</t>
  </si>
  <si>
    <t>ผ้าทอมือ ปักลาย</t>
  </si>
  <si>
    <t>66x166 cm</t>
  </si>
  <si>
    <t>4 - 5 เดือน</t>
  </si>
  <si>
    <t>ผ้าพันคอ ชุมชนดีมีรอยยิ้มยี่งอ - นราธิวาส</t>
  </si>
  <si>
    <t>50x138 cm</t>
  </si>
  <si>
    <t>ผ้าพันคอผ้าขาวม้า ชุมชนดีมีรอยยิ้มแม่แจ่ม - เชียงใหม่</t>
  </si>
  <si>
    <t xml:space="preserve">ผ้าฝ้ายทอมือ </t>
  </si>
  <si>
    <t>34.5x152 cm</t>
  </si>
  <si>
    <t>ผ้าถุงแม่แจ่ม ชุมชนดีมีรอยยิ้มแม่แจ่ม - เชียงใหม่</t>
  </si>
  <si>
    <t>ผ้าฝ้ายทอมือ แบบพื้นแม่แจ่ม</t>
  </si>
  <si>
    <t>37x38.50 นิ้ว</t>
  </si>
  <si>
    <t>ปลอกหมอนเผ่าลั๊วะ ชุมชนดีมีรอยยิ้มแม่แจ่ม - เชียงใหม่</t>
  </si>
  <si>
    <t>ผ้าฝ้ายทอมือ สีธรรมชาติ ลายชนเผ่าลั๊วะ</t>
  </si>
  <si>
    <t>24x14 นิ้ว</t>
  </si>
  <si>
    <t>45 วัน</t>
  </si>
  <si>
    <t>เสื้อย้อมสีธรรมชาติทอมือ ชุมชนดีมีรอยยิ้มแม่แจ่ม - เชียงใหม่</t>
  </si>
  <si>
    <t>ผ้าฝ้ายทอมือ สีธรรมชาติ แบบพื้นเมืองชาวเหนือ</t>
  </si>
  <si>
    <t>26x21 นิ้ว</t>
  </si>
  <si>
    <t>2 เดือน</t>
  </si>
  <si>
    <t>Natrada cotton</t>
  </si>
  <si>
    <t>เสื้อคลุมพิมพ์ลาย บ้านห้วยทราย - เชียงใหม่</t>
  </si>
  <si>
    <t>ผ้าฝ้ายทอมือสีธรรมชาติ พิมพ์</t>
  </si>
  <si>
    <t>รอบอก 46 นิ้ว แขนยาว 18 นิ้ว วงแขน 18 นิ้ว ยาว 31 นิ้ว</t>
  </si>
  <si>
    <t>3 เดือน</t>
  </si>
  <si>
    <t>เสื้อชายอัดกาว บ้านห้วยทราย - เชียงใหม่</t>
  </si>
  <si>
    <t>ผ้าฝ้ายทอมือเนื้อแน่นอักกาว ตกแต่งลาย</t>
  </si>
  <si>
    <t>รอบอก 40 นิ้ว แขนยาว 20 นิ้ว ยาว 29 นิ้ว</t>
  </si>
  <si>
    <t>เสื้อชายไม่อัดกาว บ้านห้วยทราย - เชียงใหม่</t>
  </si>
  <si>
    <t>ผ้าฝ้ายทอมือ สีธรรมชาติ ปักมือ</t>
  </si>
  <si>
    <t xml:space="preserve">Size M รอบอก 40 นิ้ว วงแขน 18 นิ้ว ยาว 28.5 นิ้ว 
Size L รอบอก 44 นิ้ว วงแขน 18 นิ้ว ยาว 28 นิ้ว </t>
  </si>
  <si>
    <t>กางเกงหญิงสั้น บ้านห้วยทราย - เชียงใหม่</t>
  </si>
  <si>
    <t>ผ้าฝ้ายทอมือสีเคมีปลอดภัย</t>
  </si>
  <si>
    <t>เอว 28 นิ้ว ยืดถึง 30 นิ้ว ยาว 21.5 นิ้ว</t>
  </si>
  <si>
    <t>กางเกงชายสั้น บ้านห้วยทราย - เชียงใหม่</t>
  </si>
  <si>
    <t>เอว 30 นิ้ว ยืดถึง 36 นิ้ว ยาว 23 นิ้ว</t>
  </si>
  <si>
    <t>ชุดผ้าขาวม้า บ้านห้วยทราย - เชียงใหม่</t>
  </si>
  <si>
    <t xml:space="preserve">Size M สีแดง - น้ำเงิน รอบอก 38 นิ้ว แขน 18 นิ้ว ยาว 35 นิ้ว 
Size L รอบอก 42 นิ้ว แขน 20 นิ้ว ยาว 34.5 นิ้ว </t>
  </si>
  <si>
    <t>เสื้อหญิง (ชมพู) บ้านห้วยทราย - เชียงใหม่</t>
  </si>
  <si>
    <t>รอบอก 40 นิ้ว วงแขน 14 นิ้ว ยาว 19 นิ้ว</t>
  </si>
  <si>
    <t>กระเป๋า บ้านห้วยทราย - เชียงใหม่</t>
  </si>
  <si>
    <t>ผ้าฝ้ายทอมือ ตกแต่งผ้าขาวม้าสีธรรมชาติ</t>
  </si>
  <si>
    <t>สีน้ำตาลฟ้า ยาว 19 นิ้ว สูงถึงสาย 31 นิ้ว กว้าง 2.5 นิ้ว 
สีฟ้าเขียว  ยาว 19 นิ้ว สูงถึงสาย 31 นิ้ว กว้าง 2.5 นิ้ว 
สีขาว (ลายปัก) กว้าง 4 นิ้ว ยาว 16 นิ้ว สูงถึงสาย 26.5 นิ้ว</t>
  </si>
  <si>
    <t>2 เดือนครึ่ง</t>
  </si>
  <si>
    <t>กางเกงแบรฮัก บ้านดินทรายอ่อน - หนองบัวลำภู</t>
  </si>
  <si>
    <t>ผ้าฝ้ายทอมือ 4 ตะกอ มีลายราชวัตร / ลายลูกแก้ว /ลายก้างปลา</t>
  </si>
  <si>
    <t>Size M ก่อนยืด 36 ยืดได้ถึง 40 ความยาว 29</t>
  </si>
  <si>
    <t>กลุ่มแปรรูปผลิตภัณฑ์พื้นเมืองบ้านดินทรายอ่อน</t>
  </si>
  <si>
    <t>กระโปรงไม่บานปลายคละสี-ลาย บ้านดินทรายอ่อน- หนองบัวลำภู</t>
  </si>
  <si>
    <t>ผ้าฝ้ายทอมือ 4 ตะกอ มีลายราชวัตร / ลายลูกแก้ว /ลายก้างปลา จับกลุ่มวัยรุ่นใส่สบาย</t>
  </si>
  <si>
    <t xml:space="preserve"> ก่อนยืด 30 ยืดได้ถึง 36 ความยาว 35</t>
  </si>
  <si>
    <t>เสื้อแขนกุด Size SS รอบอก 38" - บ้านดินทรายอ่อน - หนองบัวลำภ</t>
  </si>
  <si>
    <t>ผ้าฝ้ายทอมือ 4 ตะกอ สีเคมีปลอดภัย (สามารถสั่งสีธรรมชาติได้)</t>
  </si>
  <si>
    <t>รอบอก 38 นิ้ว ยาว 22.5 นิ้ว</t>
  </si>
  <si>
    <t>เสื้อแขนกุด Size S รอบอก 40" - บ้านดินทรายอ่อน - หนองบัวลำภู</t>
  </si>
  <si>
    <t>รอบอก 40 นิ้ว ยาว 22.5 นิ้ว</t>
  </si>
  <si>
    <t>เสื้อแขนกุด Size M รอบอก 42" - บ้านดินทรายอ่อน - หนองบัวลำภู</t>
  </si>
  <si>
    <t>รอบอก 42 นิ้ว ยาว 22.5 นิ้ว</t>
  </si>
  <si>
    <t>ผ้าถุงต่อหัวแล้วพร้อมใส่ บ้านดินทรายอ่อน - หนองบัวลำภู</t>
  </si>
  <si>
    <t>35x44 นิ้ว</t>
  </si>
  <si>
    <t>พรมแตงโม 0.65 x 0.36m - สุรินทร์</t>
  </si>
  <si>
    <t>พรมเช็ดเท้าทำมือ ผลิตจากเศษผ้ารีไซเคิ้ล ซับน้ำได้ดี</t>
  </si>
  <si>
    <t>0.65 x 0.36 m</t>
  </si>
  <si>
    <t>10 วัน</t>
  </si>
  <si>
    <t>วิสาหกิจชุมชน พรมเช็ดเท้า จังหวัด สุรินทร์</t>
  </si>
  <si>
    <t>พรมสี่เหลี่ยมจตุรัส ขนาด 2x2 m - สุรินทร์</t>
  </si>
  <si>
    <t>2 x 2 m</t>
  </si>
  <si>
    <t>90 วัน</t>
  </si>
  <si>
    <t>พรมเย็บสี่เหลี่ยมผืนผ้า (เล็ก) 0.8 x 1.6m - สุรินทร์</t>
  </si>
  <si>
    <t>0.8 x 1.6 m</t>
  </si>
  <si>
    <t>2 ผืน / วัน</t>
  </si>
  <si>
    <t>พรมเย็บสี่เหลี่ยมผืนผ้า (ใหญ่) 2 x 1m - สุรินทร์</t>
  </si>
  <si>
    <t>2 x 1 m</t>
  </si>
  <si>
    <t>1 ผืน / วัน</t>
  </si>
  <si>
    <t>พรมเย็บสี่เหลี่ยม (เล็ก) 0.4 x 1m - สุรินทร์</t>
  </si>
  <si>
    <t>0.4 x 1m</t>
  </si>
  <si>
    <t>5 ผืน / วัน</t>
  </si>
  <si>
    <t>พรมถักมือ วงกลม 1 x 1m - สุรินทร์</t>
  </si>
  <si>
    <t>สินค้าทำมือ ผลิตจากเศษผ้ารีไซเคิ้ล แตกแต่งด้วยสายหนัง PU</t>
  </si>
  <si>
    <t>1 x 1m</t>
  </si>
  <si>
    <t>กระเป๋าพรมทอ - สุรินทร์</t>
  </si>
  <si>
    <t>สีน้ำตาล ฐานกว้าง 6 นิ้ว สูง 9 นิ้ว ยาว 16 นิ้ว
สีขาว-แดง-น้ำเงิน ฐานกว้าง 4 นิ้ว สูงถึงสาย 20 นิ้ว ยาว 13.5 นิ้ว</t>
  </si>
  <si>
    <t>5 ใบ / วัน</t>
  </si>
  <si>
    <t>กระเป๋าเศษพรม - สุรินทร์</t>
  </si>
  <si>
    <t>ฐานกว้าง 5.5 นิ้ว สูงถึงสาย 4.5 นิ้ว ยาว 10 นิ้ว</t>
  </si>
  <si>
    <t>10 ใบ / วัน</t>
  </si>
  <si>
    <t>กระเป๋าแตงโม - สุรินทร์</t>
  </si>
  <si>
    <t>หมวกถักมือ - สุรินทร์</t>
  </si>
  <si>
    <t>สินค้าทำมือ ผลิตจากเศษผ้ารีไซเคิ้ล</t>
  </si>
  <si>
    <t>สีชมพู—ขาวดำ กว้าง 9 นิ้ว ลึก 4.5 นิ้ว ยาว 9 นิ้ว
สีม่วง – ครีม กว้าง 7 นิ้ว ลึก 5 นิ้ว ยาว 11 นิ้ว
สีฟ้าคาดดำ-ดอกเขียว กว้าง 8 นิ้ว ลึก 4 นิ้ว ยาว 14 นิ้ว
สีฟ้าเขียว-ดอกชมพู กว้าง 7.5 นิ้ว ลึก 3 นิ้ว ยาว 12 นิ้ว</t>
  </si>
  <si>
    <t>หมวกกก - สุรินทร์</t>
  </si>
  <si>
    <t>ผลิตจากต้นกก นำมาสานเป็นหมวกสีธรรมชาติ</t>
  </si>
  <si>
    <t>กว้าง 7 นิ้ว ลึก 3.5 นิ้ว ยาว 12.5 นิ้ว</t>
  </si>
  <si>
    <t>3 ใบ / วัน</t>
  </si>
  <si>
    <t>กระเป๋ากก - สุรินทร์</t>
  </si>
  <si>
    <t>ผลิตจากต้นกก นำมาสานและแปรรูปเป็นกระเป๋า ตกแต่งด้วยสายหนัง PU</t>
  </si>
  <si>
    <t>ฐานกว้าง 4.5 นิ้ว สูงถึงสาย 21 นิ้ว ยาว 14 นิ้ว</t>
  </si>
  <si>
    <t>Nammorn Design</t>
  </si>
  <si>
    <t>กระเป๋าสะพายปักมือกลุ่มแม่น้ำมอญแจ้ซ้อน - ลำปาง</t>
  </si>
  <si>
    <t>ผลิตจากผ้าฝ้ายทอมือสีธรรมชาติ แปรรูปเป็นกระเป๋าปักมือ</t>
  </si>
  <si>
    <t>ฐานกว้าง 3 นิ้ว ยาว 10 นิ้ว สูง 10 นิ้ว</t>
  </si>
  <si>
    <t xml:space="preserve"> 3 - 4 ปี</t>
  </si>
  <si>
    <t>วิสาหกิจชุมชนกลุ่มน้ำมอญแจ้ช้อน</t>
  </si>
  <si>
    <t>ผ้าปิดจมูกผ้าฝ้ายมัสลิน เย็บ 2 ชั้น บ้านหาดเสี้ยว - สุโขทัย</t>
  </si>
  <si>
    <t>ผลิตจากผ้าฝ้ายมัสลิน แปรรูปเป็นผ้าปิดจมูก เย็บซ้อน 2 ชั้น</t>
  </si>
  <si>
    <t>3.5x6 นิ้ว</t>
  </si>
  <si>
    <t xml:space="preserve">3 วัน </t>
  </si>
  <si>
    <t>ย่ามขนาดกลางบ้านสันกอง - เชียงราย</t>
  </si>
  <si>
    <t>ย่าม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8.5x32.5 นิ้ว</t>
  </si>
  <si>
    <t>1ใบ / 7 วัน</t>
  </si>
  <si>
    <t>กลุ่มผ้าปักด้วยมือบ้านสันกอง</t>
  </si>
  <si>
    <t>ถุงผ้าปัก 2 ด้านบ้านสันกอง - เชียงราย</t>
  </si>
  <si>
    <t>ถุงผ้า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13x26 นิ้ว</t>
  </si>
  <si>
    <t>เสื้อคลุมลายปัก-แขนสั้นแม่ราตรี - แม่ฮ่องสอน</t>
  </si>
  <si>
    <t>เสื้อผ้าทอมือแท้ ปักลายสวยงามขึ้นเป็นผ้าทอชาวเขา งานประญีต มีลวดลายที่เป็นเอกลักษณ์</t>
  </si>
  <si>
    <t>รอบอก 40 นิ้ว x ยาว 24 นิ้ว</t>
  </si>
  <si>
    <t>30 ตัว / เดือน</t>
  </si>
  <si>
    <t>สายคล้องบัตรผ้าขาวม้า (คละลาย) หลัง 2 ช่อง บ้านห้วยเตย - กาฬ</t>
  </si>
  <si>
    <t>ผลิตจากผ้าฝ้ายผ้าขาวม้าอัดกาว มีช่องใส่ด้านหน้า 1 ช่อง ด้านหลัง 2 ช่อง</t>
  </si>
  <si>
    <t>กว้าง 8 cm X ยาว 11 cm x สูงถึงสาย 55 cm</t>
  </si>
  <si>
    <t>2 วัน</t>
  </si>
  <si>
    <t xml:space="preserve">กลุ่มทอผ้าและแปรรูปผลิตภัณฑ์จากบ้านห้วยเตย </t>
  </si>
  <si>
    <t>YANO Handicraft</t>
  </si>
  <si>
    <t>หน้ากากผ้าที่ผลิตจากผ้าคุณภาพดี ไม่ระคายเคืองผิวหน้าพร้อมเสริมโครงใส่กระชับรูปหน้า มีช่องสำหรับถอดเปลี่ยนไส้แผ่นกรองFilter ตัดเย็บด้วยเนื้อผ้า 4 ชั้น ชั้นนอก : ผ้าเส้นใยธรรมชาติทั้งหมด ชั้นที่ 2 : ผ้าซับด้านในเป็นผ้าฝ้าย 100% ที่ผ่านวิธีเทคโนโลยีนาโน ชั้นที่ 3และ4 : ผ้าฝ้ายมัสลิน 100% สีธรรมชาติไม่มีสารเคมีตกค้าง</t>
  </si>
  <si>
    <t>5x9 นิ้ว</t>
  </si>
  <si>
    <t>1 เดือน 
(กรณีลูกค้าเลือกลาย เลือกสี)</t>
  </si>
  <si>
    <t>ยาโน (หจก.ยาโนแฮนดิคราฟ)</t>
  </si>
  <si>
    <t>หมวกเด็ก - ประจวบคีรีขันธ์</t>
  </si>
  <si>
    <t>ผลิตจากผ้าฝ้ายผ้าขาวม้า เพื่อทนทานต่อการใช้งาน มีลวดลายที่น่ารัก สวมใส่สบายทั้งเด็กผู้หญิงและเด็กผู้ชาย</t>
  </si>
  <si>
    <t>ขนาด : 9.5 X 13 X 8.5 นิ้ว
น้ำหนัก : 100 กรัม</t>
  </si>
  <si>
    <t>1 เดีอน</t>
  </si>
  <si>
    <t>ชะลอมหิ้ว 7 นิ้ว สีแดง บ้านหัตกรรมชัยนาท - กรุงเทพ</t>
  </si>
  <si>
    <t>ชะลอมฐานหกเหลี่ยม สําหรับใส่ของรับไหว้และสังฆทาน สานไม้ไผ่</t>
  </si>
  <si>
    <t>ขนาด : 7 X 11 นิ้ว
น้ำหนัก : 100 กรัม</t>
  </si>
  <si>
    <t>2 - 3 อาทิตย์</t>
  </si>
  <si>
    <t>บ้านหัตกรรมชัยนาท ตรงข้ามเจเจมอลล์</t>
  </si>
  <si>
    <t>แม่แสงดี</t>
  </si>
  <si>
    <t>ครีมว่านหางจระเข้ 25g - พะเยา</t>
  </si>
  <si>
    <t>สำหรับผิวแห้งที่ต้องการความชุ่มชื่น เช่น ส้นเท้า หัวเข่า ข้อศอก เล็บมือที่แห้งกร้าน ครีมว่านหางจระเข้เข้มข้นรักษาอาการส้นเท้าแตกได้ดี ไม่ทำให้เกิดการระคายเคืองเพราะไม่มีสารเคมีเจือปน</t>
  </si>
  <si>
    <t>น้ำหนัก : 25 กรัม</t>
  </si>
  <si>
    <t>1 วัน</t>
  </si>
  <si>
    <t>16 วัน</t>
  </si>
  <si>
    <t>กลุ่มแม่บ้านแปรรูปครีมมะขาม แม่แสงดี</t>
  </si>
  <si>
    <t xml:space="preserve"> VIM DESIGN </t>
  </si>
  <si>
    <t>เสื้อคลุมยูกาตะ VIM DESIGN - นนทบุรี</t>
  </si>
  <si>
    <t>เสื้อคลุมผ้าฝ้ายผ้าขาวม้า สไตล์ญี่ปุ่น เนื้อผ้าใส่สบาย</t>
  </si>
  <si>
    <t>ขนาด : วงแขน 20 นิ้ว รอบอก 46 นิ้ว ยาว 29 นิ้ว 
น้ำหนัก : 300 กรัม</t>
  </si>
  <si>
    <t>20 วัน</t>
  </si>
  <si>
    <t>เสื้อคลุมยูกาตะ (ไซส์พิเศษ) VIM DESIGN - นนทบุรี</t>
  </si>
  <si>
    <t>ขนาด : วงแขน 22 นิ้ว รอบอก 52 นิ้ว ยาว 35 นิ้ว 
น้ำหนัก : 400 กรัม</t>
  </si>
  <si>
    <t>กล่องกระจูดบุผ้าขาวม้า (สีธรรมชาติ) 12x14x6 - นครศรีธรรมราช</t>
  </si>
  <si>
    <t>ผลิตจากต้นกระจูด ส๊ธรรมชาติ บุด้วยผ้าขาวม้า</t>
  </si>
  <si>
    <t>ขนาด : 12 x14 x 6 นิ้ว 
น้ำหนัก : 500 กรัม</t>
  </si>
  <si>
    <t>บริษัท ประชารัฐรักสามัคคีนครศรีธรรมราช (วิสาหกิจเพื่อสังคม) จำกัด</t>
  </si>
  <si>
    <t>กล่องผ้าผืนกาบกล้วย+โบว์น้ำเงิน - ปัตตานี</t>
  </si>
  <si>
    <t>ขนาด : 5.5 X 12 X 1.5 นิ้ว
น้ำหนัก : 300 กรัม</t>
  </si>
  <si>
    <t>กล่องแชมพู + โบว์เชือก - ปัตตานี</t>
  </si>
  <si>
    <t>ขนาด : 3 X 5 X 6 นิ้ว ความยาวถึงสาย 10.5 นิ้ว
น้ำหนัก : 200 กรัม</t>
  </si>
  <si>
    <t>ชุดรองจาน - สงขลา</t>
  </si>
  <si>
    <t>ที่รองจาน มาพร้อมกับรองแก้วน้ำ ทําจากเสื่อกระจูด สีธรรมชาติ</t>
  </si>
  <si>
    <t>ขนาดที่รองจาน : 12 X 18 นิ้ว ขนาดที่รองแก้ว : 5 X 5 นิ้ว
น้ำหนัก : 400 กรัม</t>
  </si>
  <si>
    <t xml:space="preserve">ชุมชนดีมีรอยยิ้มยี่งอ </t>
  </si>
  <si>
    <t>ผ้าขาวม้าเกาะยอ ( ก 30 ซม ยาว 2 หลา) เย็บขอบ - สงขลา</t>
  </si>
  <si>
    <t xml:space="preserve">ผ้าขาวม้าทอมือ กี่กระตุกเย็บริมพร้อมใช้ ผ้าเนื้อดี สีไม่ตก ทอแน่น </t>
  </si>
  <si>
    <t>ขนาด : 39 X 175 cm
น้ำหนัก : 100 กรัม</t>
  </si>
  <si>
    <t>บริษัท ประชารัฐรักสามัคคีสงขลา (วิสาหกิจเพื่อสังคม) จำกัด</t>
  </si>
  <si>
    <t>โอ่ง - ราชบุรี</t>
  </si>
  <si>
    <t>โอ่งจิ๋ว ของฝากที่ระลึก</t>
  </si>
  <si>
    <t>ขนาด : ปากกว้าง 2.5 cm ท้องกว้าง 5 cm สูง 8 cm 
น้ำหนัก : 200 กรัม</t>
  </si>
  <si>
    <t>3 - 4 อาทิตย์</t>
  </si>
  <si>
    <t>บริษัท โอ่งเรืองศิลป์ จำกัด</t>
  </si>
  <si>
    <t>ปกสมุดผ้าขาวม้า - ราชบุรี</t>
  </si>
  <si>
    <t>ขนาด : 7.5 x 10.5 นิ้ว 
น้ำหนัก : 100 กรัม</t>
  </si>
  <si>
    <t>ตุ๊กตาฝ้ายเย็บมือตกแต่งชุด บ้านเฮาเสาไห้- สระบุรี</t>
  </si>
  <si>
    <t>ขนาด : 6 x 16 นิ้ว 
น้ำหนัก : 100 กรัม</t>
  </si>
  <si>
    <t>ถุงใส่ไม้ตีแบตมินตัน - กาญจนบุรี</t>
  </si>
  <si>
    <t>ผลิตจากผ้าฝ้ายผ้าขาวม้า แปรรูปเป็นถุงใส่ไม้แบตมินตัน</t>
  </si>
  <si>
    <t>ขนาด : 18 x 29 นิ้ว 
น้ำหนัก : 200 กรัม</t>
  </si>
  <si>
    <t>วิสาหกิจชุมชนบ้านบัว</t>
  </si>
  <si>
    <t>เสื้อแขนกุดผ้าภูอัคนี - บุรีรัมย์</t>
  </si>
  <si>
    <t>ขนาด : 16 X 38 X 18 นิ้ว
น้ำหนัก : 200 กรัม</t>
  </si>
  <si>
    <t>วิสาหกิจชุมชนกลุ่มอาชีพสตรีทอผ้าไหม-ผ้าฝ้าย ภูอัคนี</t>
  </si>
  <si>
    <t>หมวกสานจากต้นกก - บุรีรัมย์</t>
  </si>
  <si>
    <t xml:space="preserve">หมวกสีพื้น แบบปีก สานจากต้นกก </t>
  </si>
  <si>
    <t>ขนาด : วงใน 7 นิ้ว วงนอก 12.5 นิ้ว 
น้ำหนัก : 200 กรัม</t>
  </si>
  <si>
    <t>ชุมชนท่องเที่ยว O-Top นวัตวิถี บ้านหมวดหมู่ </t>
  </si>
  <si>
    <t>กระติบข้าวไหลทรงบาตร - ยโสธร</t>
  </si>
  <si>
    <t>กระติบข้าวสานไหลกระติบข้าวเหนียวจากไหลแท้วัสดุ : สานจากต้นไหลแท้100% เส้นกลมเล็ก ฐานทําจากไม้เนื้อแข็ง ขัดอย่างดี ทนทานสี : งานคละสี จากต้นไหลแห้งสีน้ำตาลทอง</t>
  </si>
  <si>
    <t>ขนาด : 15 x 18 cm
น้ำหนัก : 300 กรัม</t>
  </si>
  <si>
    <t>ซองดินสอกลม กลุ่มพรรณไม้ - ร้อยเอ็ด</t>
  </si>
  <si>
    <t>ผลิตจากผ้าฝ้ายย้อมสีธรรมชาติ แปรรูปเป็นซองดินสอ</t>
  </si>
  <si>
    <t>ขนาด : 2 X 8 นิ้ว
น้ำหนัก : 100 กรัม</t>
  </si>
  <si>
    <t>กลุ่มพรรณไม้ผ้าทอสีธรรมชาติ</t>
  </si>
  <si>
    <t>ซองดินสอแบบแบน กลุ่มพรรณไม้ - ร้อยเอ็ด</t>
  </si>
  <si>
    <t>ขนาด : 3.5 X 8.2 นิ้ว
น้ำหนัก : 100 กรัม</t>
  </si>
  <si>
    <t>กระเป๋าไฉไล (กลาง) บ้านสวนปอ - ร้อยเอ็ด</t>
  </si>
  <si>
    <t>ขนาด : 8 X 16 x 9 นิ้ว ความสูงถึงสาย 11 นิ้ว
น้ำหนัก : 300 กรัม</t>
  </si>
  <si>
    <t>กระเป๋าไฉไล (เล็ก) บ้านสวนปอ - ร้อยเอ็ด</t>
  </si>
  <si>
    <t>ขนาด : 3 X 9 x 5 นิ้ว 
น้ำหนัก : 300 กรัม</t>
  </si>
  <si>
    <t>เสื่อปิกนิก 3 พับ 5 คืบ - จันทบุรี</t>
  </si>
  <si>
    <t>ผลิตจากต้นกกทอมือ แบบ 3 พับ</t>
  </si>
  <si>
    <t>น้ำหนัก : 1,200 กรัม</t>
  </si>
  <si>
    <t>ศูนย์ศิลป์เสื่อบางสระเก้า</t>
  </si>
  <si>
    <t>เสื่อปิกนิก 3 พับ 6 คืบ -จันทบุรี</t>
  </si>
  <si>
    <t>น้ำหนัก : 1,500 กรัม</t>
  </si>
  <si>
    <t>เสื่อปูโต๊ะเสื่อกก อู่ต่อเรือ - จันทบุรี</t>
  </si>
  <si>
    <t xml:space="preserve">ผลิตจากต้นกกทอมือ </t>
  </si>
  <si>
    <t>ขนาด : 19.5 X 9 x 5 นิ้ว 
น้ำหนัก : 300 กรัม</t>
  </si>
  <si>
    <t>5 เดือน</t>
  </si>
  <si>
    <t>กระเป๋าใส่สตางค์ใบเล็ก - ชลบุรี</t>
  </si>
  <si>
    <t xml:space="preserve">ผลิตจากหนัง PU </t>
  </si>
  <si>
    <t>ขนาด : 3 X 7 x 8 cm 
น้ำหนัก : 100 กรัม</t>
  </si>
  <si>
    <t>บริษัท ประชารัฐรักสามัคคีชลบุรี (วิสาหกิจเพื่อสังคม) จำกัด</t>
  </si>
  <si>
    <t>ตุ๊กตาจิ๊ว ฝ้ายเย็บมือ ฝ้ายจ๋า ยาใจ - ปทุมธานี</t>
  </si>
  <si>
    <t>ตุ๊กตาเย็บมือ แต่งผ้าฝ้ายทอมือ</t>
  </si>
  <si>
    <t>ขนาด : 4 X 5 นิ้ว  ความยาวถึงสาย 11 นิ้ว
น้ำหนัก : 10 กรัม</t>
  </si>
  <si>
    <t>4 เดือน</t>
  </si>
  <si>
    <t>ฝ้ายจ๋ายาใจ</t>
  </si>
  <si>
    <t>หอมจัง</t>
  </si>
  <si>
    <t>ชุดช้างผ้า กลิ่นชมนาด - สมุทรปราการ</t>
  </si>
  <si>
    <t>เป็นผลิตภัณฑ์นวัตกรรมเครื่องหอมที่เล่นกับศิลปหัตถกรรมฝีมือคนไทย เพื่อทำเป็นของใช้ ของฝาก ของขวัญ ของชำร่วยในหลายประโยชน์ใช้สอยและวัสดุ เช่น ถุงผ้าหรือซองกระดาษหอมในกระเป๋า ตู้เสื้อผ้า รถยนต์ หมอนอิงหอม ตุ๊กตาช้างหอม ดอกบัวหอม กระเป๋านามบัตรหอม เป็นต้น</t>
  </si>
  <si>
    <t>ขนาด : 6 X 4.5 x 7 นิ้ว 
น้ำหนัก : 100 กรัม</t>
  </si>
  <si>
    <t>7 - 10 วัน</t>
  </si>
  <si>
    <t>วิสาหกิจชุมชนหัตถกรรมเครื่องหอม ข้าวตอกร่ำ</t>
  </si>
  <si>
    <t>ชุดช้างผ้า กลิ่นลีลาวดี - สมุทรปราการ</t>
  </si>
  <si>
    <t>ชุดช้างผ้า กลิ่นลาเวนเดอร์ - สมุทรปราการ</t>
  </si>
  <si>
    <t>จานเบญจเรงค์ 10" เหลี่ยม - สมุทรสาคร</t>
  </si>
  <si>
    <t>จานเบญจรงค์สีขาว ลายไม้เลื้อยดอกไม้สีส้ม สีฟ้าและสีชมพูอ่อน เหมาะสำหรับเป็น ของที่ระลึกมอบเป็นของขวัญชิ้นพิเศษให้กับคนสำคัญ</t>
  </si>
  <si>
    <t>ขนาด : 10 X 10.5 นิ้ว 
น้ำหนัก : 900 กรัม</t>
  </si>
  <si>
    <t>10 ปี</t>
  </si>
  <si>
    <t>แดงเบญจรงค์</t>
  </si>
  <si>
    <t>จานเบญจรงค์ 6" เหลี่ยม - สมุทรสาคร</t>
  </si>
  <si>
    <t>จานเบญจรงค์สีขาว ลายไม้เลื้อยดอกไม้สีส้มเหมาะสำหรับเป็น ของที่ระลึกมอบเป็นของขวัญชิ้นพิเศษให้กับคนสำคัญ</t>
  </si>
  <si>
    <t>ขนาด : 5.5 X 5.5 นิ้ว 
น้ำหนัก : 200 กรัม</t>
  </si>
  <si>
    <t>โถจีบเบญจรงค์ - สมุทรสาคร</t>
  </si>
  <si>
    <t>ขนาด : 6 X 7 นิ้ว 
น้ำหนัก : 1 กิโลกรัม</t>
  </si>
  <si>
    <t>ถ้วยกาแฟเบญจรงค์ - สมุทรสาคร</t>
  </si>
  <si>
    <t>ขนาดจาน : 6 X 6 นิ้ว  ขนาดแก้วทรงสั้นเส้นผ่าศูนย์กลาง 3 x 2 นิ้ว 
น้ำหนัก : 300 กรัม
ขนาดจาน : 5.6 นิ้ว  ขนาดแก้วทรงกลมสูงเส้นผ่าศูนย์กลาง 2.5 x 2.7 นิ้ว
น้ำหนัก : 200 กรัม</t>
  </si>
  <si>
    <t>ชามแปงเบญจรงค์ - สมุทรสาคร</t>
  </si>
  <si>
    <t>แก้วกาแฟลายขอบสีแดง ลายจักรีพร้อมกล่องผ้าไหม - สมุทรสาคร</t>
  </si>
  <si>
    <t>ถ้วยกาแฟเบญจรงค์ ลายจักรี เขียนลาย 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5.5 นิ้ว ขนาดแก้วทรงสั้นเส้นผ่าศูนย์กลาง 3 x 2.7 นิ้ว
น้ำหนัก : 1 กิโลกรัม (รวมกล่อง)</t>
  </si>
  <si>
    <t>2  อาทิตย์</t>
  </si>
  <si>
    <t>3  อาทิตย์</t>
  </si>
  <si>
    <t>กลุ่มหมู่บ้านเบญจรงค์ดอนไก่ดี หมู่1 (Urai Benjarong)</t>
  </si>
  <si>
    <t>แก้วกาแฟเงิน ทอง เบญจรงค์ กล่องผ้าไหม - สมุทรสาคร</t>
  </si>
  <si>
    <t>ถ้วยกาแฟเบญจรงค์ เขียนลาย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6 นิ้ว ขนาดแก้วทรงสั้นเส้นผ่าศูนย์กลาง 3.2 x 3 นิ้ว 
น้ำหนัก : 1 กิโลกรัม (รวมกล่อง)</t>
  </si>
  <si>
    <t>พวงกุญแจไดโนเสาร์เล็กคละสี - กาฬสินธุ์</t>
  </si>
  <si>
    <t>พวงกุญแจไดโนเสาร์ ทําจากผ้าไหม งานแฮนด์เมดทําจากผ้าขาวม้าผือมือ</t>
  </si>
  <si>
    <t>ขนาด : 11 X 15 cm
น้ำหนัก : 100 กรัม</t>
  </si>
  <si>
    <t>กลุ่มแปรรูปบ้านทุ่งสว่าง</t>
  </si>
  <si>
    <t>กระด้งครอบกลม ขนาด 16 นิ้ว - กาฬสินธุ์</t>
  </si>
  <si>
    <t>กระด้งมุ้งครอบผลิตจากไม้ไผ่สานสีธรรมชาติ ตัวฝาครอบเป็นผ้าตาข่ายสีขาว สำหรับใส่อาหาร กันแมลง</t>
  </si>
  <si>
    <t>ขนาด : 16 นิ้ว
น้ำหนัก : 400 กรัม</t>
  </si>
  <si>
    <t>กระด้งมุ้งครอบกลม ขนาด 20 นิ้ว - กาฬสินธุ์</t>
  </si>
  <si>
    <t>ขนาด : 20 นิ้ว
น้ำหนัก : 500 กรัม</t>
  </si>
  <si>
    <t>กระด้งมุ้งครอบกลม ขนาด 23 นิ้ว - กาฬสินธุ์</t>
  </si>
  <si>
    <t>ขนาด : 23 นิ้ว
น้ำหนัก : 700 กรัม</t>
  </si>
  <si>
    <t>ชุดพร้อมนึ่ง - กาฬสินธุ์</t>
  </si>
  <si>
    <t>ชุดหม้อนึ่งข้าวเหนียว พร้อมหวดนึ่งข้าวเหนียวแบบกลมและกระติบใส่ข้าวไม้ไผ่ คุณภาพดี</t>
  </si>
  <si>
    <t>ขนาดกระติบ : 7 X 6 นิ้ว  น้ำหนัก : 300 กรัม
ขนาดหวดนึ่งข้าวเหนียว : 9.5 X 9.5 นิ้ว  น้ำหนัก : 300 กรัม
ขนาดหม้อ : 8.5 X 7 นิ้ว  น้ำหนัก : 400 กรัม</t>
  </si>
  <si>
    <t>หน้ากากอนามัยผ้าขาวม้า (คละสี) แบบฟิวเตอร์ บ้านห้วยเตย - กาฬ</t>
  </si>
  <si>
    <t>หน้ากากผ้าขาวม้า เย็บ 3 ชั้น มีช่องใส่ฟิวเตอร์</t>
  </si>
  <si>
    <t>ขนาด : 15 x 26 cm
น้ำหนัก : 10 กรัม</t>
  </si>
  <si>
    <t>กล่องใส่ดินสอ ไม้อัดฟางข้าว ฮุ่งเฮือง โอทอป - กาฬสินธุ์</t>
  </si>
  <si>
    <t>กล่องใส่ดินสอทำจากไม้อัดฟางข้าว วัสดุเป็นมิตรต่อสิ่งแวดล้อม</t>
  </si>
  <si>
    <t>ขนาด : 2.5 x 7 x 17 cm
น้ำหนัก : 200 กรัม</t>
  </si>
  <si>
    <t>บจก.กาฬสินธุ์ โอทอป อินเตอร์เทรด (ฮุ่งเฮือง โอทอป ไลฟ์สไตล์)</t>
  </si>
  <si>
    <t>ปากกาไม้ไผ่ - ขอนแก่น</t>
  </si>
  <si>
    <t xml:space="preserve">นำไม้ไผ่มาสาน แบบลายไทยธรรมดาและลายไทยสลักชื่อ ซึ่งเป็นวัสดุที่มีมากในท้องถิ่นมาสร้างมูลค่าเพิ่มด้วยการต่อยอดเป็นผลิตภัณฑ์ สร้างรายได้และอาชีพให้กับนักเรียน </t>
  </si>
  <si>
    <t>ขนาด : 1 x 12 cm
น้ำหนัก : 20 กรัม</t>
  </si>
  <si>
    <t>1 - 2 ปี</t>
  </si>
  <si>
    <t>1-2 ด้าน / วัน</t>
  </si>
  <si>
    <t>ผ้าคลุมไหล่ - บึงกาฬ</t>
  </si>
  <si>
    <t>ขนาด : 76 x 190 cm
น้ำหนัก : 300 กรัม</t>
  </si>
  <si>
    <t>ผ้าขาวม้าลายสองฝั่งโขง ดารานาคี- บึงกาฬ</t>
  </si>
  <si>
    <t>ขนาด : 79 x 200 cm
น้ำหนัก : 500 กรัม</t>
  </si>
  <si>
    <t>ผ้าปิดจมูกผ้าขาวม้าทอมือ (หน้าหลัง) - สวายสอ บุรีรัมย์</t>
  </si>
  <si>
    <t>ผ้าปิดจมูกผ้าขาวม้าทอมือ เย็บ 2 ชั้น</t>
  </si>
  <si>
    <t>ขนาด : 13 x 22 cm
น้ำหนัก : 10 กรัม</t>
  </si>
  <si>
    <t xml:space="preserve">กลุ่มแปรรูปผ้าบ้านสวายสอ </t>
  </si>
  <si>
    <t>ผ้าคลุมไหล่ลายผ้าขาวม้า ร้อยรัษ - ร้อยเอ็ด</t>
  </si>
  <si>
    <t>ผ้าฝ้ายทอมือย้อมสีธรรมชาติ ลายผ้าขาวม้า</t>
  </si>
  <si>
    <t>ขนาด : 60 x 182 cm
น้ำหนัก : 300 กรัม</t>
  </si>
  <si>
    <t xml:space="preserve">กลุ่มทอผ้าร้อยรักษ์ (ย้อมสีธรรมชาติ) </t>
  </si>
  <si>
    <t>ผ้าคลุมไหล่ลายเกาะล่าง ร้อยรัษ - ร้อยเอ็ด</t>
  </si>
  <si>
    <t>ผ้าฝ้ายทอมือย้อมสีธรรมชาติ ลายเกาะล่าง</t>
  </si>
  <si>
    <t>ผ้าคลุมไหล่ลายร้อยรักษ์ ร้อยรัษ - ร้อยเอ็ด</t>
  </si>
  <si>
    <t>ผ้าฝ้ายทอมือย้อมสีธรรมชาติ ลายร้อยรักษ์</t>
  </si>
  <si>
    <t>ขนาด : 60 x 200 cm
น้ำหนัก : 200 กรัม</t>
  </si>
  <si>
    <t>สร้อยสั้น บ้านดินทรายอ่อน - หนองบัวลำภู</t>
  </si>
  <si>
    <t>สร้อยคอ ผ้าฝ้ายทอมือย้อมครามสวยๆ สําหรับสาวๆ ใส่กับเสื้อผ้าไทย</t>
  </si>
  <si>
    <t>ขนาด : 38 cm
น้ำหนัก : 30 กรัม</t>
  </si>
  <si>
    <t>สร้อยยาว บ้านดินทรายอ่อน - หนองบัวลำภู</t>
  </si>
  <si>
    <t>แผ่นกรองผ้าปิดจมูก แบบบาง ชุมชนทรัพย์ปัญญา - หนองบัวลำภู</t>
  </si>
  <si>
    <t>ผลิตจากผ้าสปันบอนด์ อย่างดีเนื้อเหนียวนุ้ม รองฝุ่น PM2.5 ความหนา0.35มม</t>
  </si>
  <si>
    <t>ขนาด : 8 x 17 cm
น้ำหนัก : 100 กรัม</t>
  </si>
  <si>
    <t>หมอนอิงใหญ่ยกขอบ - อำนาจเจริญ</t>
  </si>
  <si>
    <t xml:space="preserve">หมอนผ้าขาวม้า ทำจากผ้าฝ้ายแท้ๆ ตกแต่งด้วยการเย็บปักด้วยฝีมือ </t>
  </si>
  <si>
    <t>ขนาด : 17 นิ้ว
น้ำหนัก : 100 กรัม</t>
  </si>
  <si>
    <t>หมอนอิงเล็กไม่ยกขอบ - อำนาจเจริญ</t>
  </si>
  <si>
    <t>ขนาด : 15 นิ้ว
น้ำหนัก : 500 กรัม</t>
  </si>
  <si>
    <t>ผ้าเช็ดปาก - อำนาจเจริญ</t>
  </si>
  <si>
    <t>ผลิตจากผ้าฝ้ายผ้าขาวม้าทอมือ</t>
  </si>
  <si>
    <t>ขนาด : 8 x 8 นิ้ว
น้ำหนัก : 100 กรัม</t>
  </si>
  <si>
    <t>กระเป๋าเอนกประสงค์ยาว E-PO - อำนาจเจริญ</t>
  </si>
  <si>
    <t>ขนาด : 13 x 17 x 28 นิ้ว
น้ำหนัก : 100 กรัม</t>
  </si>
  <si>
    <t>ถุงหูรูดผ้าขาวม้าใส่ข้าว 5 สี - อำนาจเจริญ</t>
  </si>
  <si>
    <t>ขนาด : 2.5 x 7 x 12 นิ้ว
น้ำหนัก : 30 กรัม</t>
  </si>
  <si>
    <t>หมอนอิงบุ๋ม -อำนาจเจริญ</t>
  </si>
  <si>
    <t>ขนาด : 17 นิ้ว
น้ำหนัก : 800 กรัม</t>
  </si>
  <si>
    <t>หมอนกระดูก -อำนาจเจริญ</t>
  </si>
  <si>
    <t>ขนาด : 3.5 x 6 x17 นิ้ว
น้ำหนัก : 300 กรัม</t>
  </si>
  <si>
    <t>ช่อดอกกุหลาบผ้าขาวม้า 2 ผืนบ้านคำเดือย - อำนาจเจริญ</t>
  </si>
  <si>
    <t>ขนาด : 80 x 200 cm (ต่อผืน)
น้ำหนัก : 500 กรัม</t>
  </si>
  <si>
    <t>กลุ่มย้อมผ้าครามบ้านคำเดือย</t>
  </si>
  <si>
    <t>มาลัยกรผ้าขาวม้าจิ๋ว - อำนาจเจริญ</t>
  </si>
  <si>
    <t>ขนาด : 8 x 15 cm 
น้ำหนัก : 100 กรัม</t>
  </si>
  <si>
    <t>กระเป๋ายักษ์ นุชบา - อำนาจเจริญ</t>
  </si>
  <si>
    <t xml:space="preserve">กระเป๋าผ้าขาวม้าขนาดใหญ่ รุ่นพิเศษ ทําจากผ้าขาวม้าทอมือ สวยๆ เก๋ๆ </t>
  </si>
  <si>
    <t>ขนาด : 11 x 26 x 36 นิ้ว
น้ำหนัก : 1,500 กรัม</t>
  </si>
  <si>
    <t>35 วัน</t>
  </si>
  <si>
    <t>ผ้าปิดจมูกผ้าขาวม้า นุชบา - อำนาจเจริญ</t>
  </si>
  <si>
    <t>ผ้าปิดจมูกผ้าขาวม้า เย็บ 2 ชั้น ด้านหน้าเป็นผ้าขาวม้า ด้านในเป็นผ้าสาลู</t>
  </si>
  <si>
    <t>ขนาด : 14 x 22 cm
น้ำหนัก : 10 กรัม</t>
  </si>
  <si>
    <t>กางเกง 5 ส่วน กลุ่มแม่น้ำมอญแจ้ซ้อน - ลำปาง</t>
  </si>
  <si>
    <t>กางเกงผ้าฝ้ายทอมือ ย้อมสีธรรมชาติ มีการออกแบบที่ทันสมัยเป็นแฟชั่นสวยๆเก๋ๆ</t>
  </si>
  <si>
    <t>ขนาด : เอว 28 นิ้ว x ยาว 33 นิ้ว 
น้ำหนัก : 300 กรัม</t>
  </si>
  <si>
    <t>กระเป๋าคล้องไหล่ บ้านสันกอง -เชียงราย</t>
  </si>
  <si>
    <t>กระเป๋าผ้าฝ้ายทอมือ ปักมือลวดลายพิเศษสร้างเป็นลายปักที่สวยงาม</t>
  </si>
  <si>
    <t>ขนาดกระเป๋าสีน้ำเงิน : 12 X 15 x 26 นิ้ว  น้ำหนัก : 200 กรัม
ขนาดกระเป๋าสีขาว : 12 X 15 x 26 นิ้ว  น้ำหนัก : 200 กรัม
ขนาดกระเป๋าสีแดง : 13 X 16 x26 นิ้ว  น้ำหนัก : 200 กรัม</t>
  </si>
  <si>
    <t>ฮาเริมผ้าถุง บ้านหาดเสี้ยว - สุโขทัย</t>
  </si>
  <si>
    <t>กางเกงผ้าฝ้ายทรงหลวมสไตล์วินเทจ</t>
  </si>
  <si>
    <t>ขนาด : เอวก่อนยืด 40 นิ้ว x สะโพก 54 นิ้ว x ยาว 35 นิ้ว 
น้ำหนัก : 300 กรัม</t>
  </si>
  <si>
    <t>กล่องผักตบชวา ขนาด8x12x2.5นิ้ว บ้านบางตาแผ่น - อ่างทอง</t>
  </si>
  <si>
    <t>กล่องสานผักตบชวา ฝาด้านบนสานเป็นลวดลายตาข่าย</t>
  </si>
  <si>
    <t>ขนาด : 8 x 12 x 2.5 นิ้ว 
น้ำหนัก : 200 กรัม</t>
  </si>
  <si>
    <t>ป้ายแขวนคอพนักงาน (ผ้าขาวม้า) - ดลมณี - ราชบุรี</t>
  </si>
  <si>
    <t>ซองหนัง PU แนวตั้ง ใส่บัตรพนักงาน / บัตรนักเรียน เปิดด้านหน้าด้านหลัง พร้อมสายคล้อง</t>
  </si>
  <si>
    <t>ขนาด : 7 x 12 cm ความยาวถึงสาย 54 cm
น้ำหนัก : 120 กรัม</t>
  </si>
  <si>
    <t>อิมปานิ</t>
  </si>
  <si>
    <t>ผ้าปิดจมูก Mask ผ้าขาวม้า อิมปานิ - ราชบุรี</t>
  </si>
  <si>
    <t xml:space="preserve">ผ้าปิดจมูกผ้าขาวม้า เย็บ 3 ชั้น รูปทรงเข้ากับใบหน้า สีสันสวยงาม สไตล์ #อิมปานิ ในแฟชั่นของคนรักสุขภาพ ป้องกันฝุ่น PM2.5 </t>
  </si>
  <si>
    <t>ขนาด : 15 x 23 cm 
น้ำหนัก : 20 กรัม</t>
  </si>
  <si>
    <t>ผ้าขาวม้าสอดดิ้น โชคกิตติทอผ้า - กาญจนบุรี</t>
  </si>
  <si>
    <t>เป็นผ้าขาวม้าถักชายอันเป็นเอกลักษณ์ ซึ่งได้รับรางวัลรองชนะเลิศอันดับที่ 1 สาขาการออกแบบลายผ้า ประเภทบุคคลทั่วไป จากโครงการ "ผ้าขาวม้าท้องถิ่นหัตถศิลป์ไทย" เป็นลายหมากรุกดั่งเดิมของผ้าขาวม้าของชุมชนบ้านหนองขาว ผสมผสานกับทอสอดด้วยดิ้นเงินดิ้นทองของรุ่งที่มีความเป็นเมทัลลิกันวาวไปในผืนผ้า</t>
  </si>
  <si>
    <t>ขนาดผ้าขาวม้าสีม่วง : 76 x 176 cm  น้ำหนัก : 200 กรัม
ขนาดผ้าขาวม้าสีส้ม : 80 X 186 cm  น้ำหนัก : 200 กรัม
ขนาดผ้าขาวม้าสีดำ : 78 X 180 cm น้ำหนัก : 200 กรัม</t>
  </si>
  <si>
    <t>โชคกิตติ ผ้าขาวม้าบ้านหนองขาว</t>
  </si>
  <si>
    <t>ผ้าปักลาย บ้านหนองลิง - สุพรรณบุรี</t>
  </si>
  <si>
    <t>ผ้าฝ้ายทอมือ ลวดลายงานปักตามแบบชาวมอญ</t>
  </si>
  <si>
    <t>ขนาด : 91 x 200 cm 
น้ำหนัก : 300 กรัม</t>
  </si>
  <si>
    <t>10 ผืน / อาทิตย์</t>
  </si>
  <si>
    <t>กลุ่มทอผ้าบ้านหนองลิง</t>
  </si>
  <si>
    <t>ผ้าปักมือ บ้านหนองลิง - สุพรรณบุรี</t>
  </si>
  <si>
    <t>ผ้าคลุมไหล่ บ้านหนองลิง - สุพรรณบุรี</t>
  </si>
  <si>
    <t>ผ้าฝ้ายทอมือ เนื้อนุ่ม ตามแบบชาวมอญ</t>
  </si>
  <si>
    <t>ขนาด : 94 x 232 cm 
น้ำหนัก : 300 กรัม</t>
  </si>
  <si>
    <t>กระเป๋าบะจ่าง - ตรัง</t>
  </si>
  <si>
    <t>กระเป๋าผ้าผ้าขาวม้าทอมือ ทรงบะจ่าง สีสันสวยงาม</t>
  </si>
  <si>
    <t>ขนาด : 9 x 9 cm ความยาวถึงสาย 13 cm
น้ำหนัก : 10 กรัม</t>
  </si>
  <si>
    <t>1 -3 ปี</t>
  </si>
  <si>
    <t>25 วัน</t>
  </si>
  <si>
    <t>VARNI CRAFT</t>
  </si>
  <si>
    <t>รองเท้า กระจูดวรรณี - พัทลุง</t>
  </si>
  <si>
    <t>รองเท้าสลิปเปอร์ ทำจากกระจูด ลายสวย งานแฮนด์เมด</t>
  </si>
  <si>
    <t>ขนาด : คู่สีเหลือง 26 cm / คู่สีดำ 26 cm 
น้ำหนัก : 10 กรัม</t>
  </si>
  <si>
    <t>หัตถกรรมกระจูดวรรณี VARNIX</t>
  </si>
  <si>
    <t>ครีมมะขามน้ำผึ้ง (พรีมี่ยม) 120 g - พะเยา</t>
  </si>
  <si>
    <t>ครีมมะขามขัดผิวผสมน้ำผึ้ง 25 % ตราแม่แสงดี” มีส่วนประกอบสำคัญ ได้แก่ มะขาม, น้ำผึ้ง, ว่านหางจระเข้, ขมิ้น, นมสด, น้ำปูนใส สำหรับขัดผิวหน้าและผิวกาย ช่วยให้ผิวเนียนใส ดูสดชื่น เปล่งปลั่ง และสุขภาพผิวดี ด้วยคุณประโยชน์ของมะขามและน้ำผึ้ง วิธีใช้เพียงผสมน้ำเล็กน้อยแล้วขัดผิวหน้าหรือผิวกายได้ตามต้องการ ทิ้งไว้ประมาณ 5-15 นาที แล้วล้างออก ควรใช้อาทิตย์ละ 1-2 ครั้ง</t>
  </si>
  <si>
    <t>น้ำหนัก 120 g</t>
  </si>
  <si>
    <t>ครีมมะขามกาแฟ(พรีมี่ยม) 120 g - พะเยา</t>
  </si>
  <si>
    <t xml:space="preserve">คุณสมบัติ : เป็นอราบิก้าแท้ คั่วบด ให้เนื้อสครับ เสริมประสิทธิภาพในการขัดผิว ทำให้ผิวหนังที่เสื่อมสภาพหลุดออก กำจัดเซลล์ลูไลท์ ช่วยลดการเกิดสิว ฝ้า จุดด่างดำ ลดการเกิดริ้วรอยของผิว ฝ้า จุดด่างดำ ลดการเกิดริ้วรอยของผิว รูขุมขนกระชับขึ้นขจัดเซลล์ผิว ขาวใส เนียนนุ่ม อย่างเป็นธรรมชาติ
วิธีใช้ : ผสมน้ำเล็กน้อย ใช้ขัดผิวหน้าแล้วผิวกาย ใช้พอกหน้าผิวหน้า พอกตัวทิ้งไว้ 5-10 นาที </t>
  </si>
  <si>
    <t xml:space="preserve"> 2 วัน</t>
  </si>
  <si>
    <t>กลุ่มทอผ้าและแปรรูปผลิตภัณฑ์จากบ้านห้วยเตย</t>
  </si>
  <si>
    <t>กลุ่มทอผ้าฝ้ายย้อมสีธรรมชาติ</t>
  </si>
  <si>
    <t>ชุมชนดีมีรอยยิ้มยี่งอ</t>
  </si>
  <si>
    <t xml:space="preserve">บริษัท ประชารัฐรักสามัคคียโสธร (วิสาหกิจเพื่อสังคม) จำกัด </t>
  </si>
  <si>
    <t>บริษัท ประชารัฐรักสามัคคียโสธร (วิสาหกิจเพื่อสังคม) จำกัด</t>
  </si>
  <si>
    <t>บริษัท ประชารัฐรักสามัคคีประจวบคีรีขันธ์ (วิสาหกิจเพื่อสังคม) จำกัด</t>
  </si>
  <si>
    <t>จักสานไม้ไผ่ สู่วิถีไทยที่ยั่งยืน โรงเรียนพังทุยพัฒนศึกษา</t>
  </si>
  <si>
    <t>ชะลอมจุก 7 นิ้ว สีแดง บ้านหัตกรรมชัยนาท - กรุงเทพ</t>
  </si>
  <si>
    <t>ขนาด : 7 นิ้ว
น้ำหนัก : 100 กรัม</t>
  </si>
  <si>
    <t>กระถางต้นไม้ - นครราชสีมา</t>
  </si>
  <si>
    <t>กระถางดินเผาสำหรับปลูกต้นไม้ หรือ ใส่ดอกไม้ตกแต่งบ้าน ไซส์กลาง ทุกใบเจาะรูด้านล่าง</t>
  </si>
  <si>
    <t>ขนาดกระถางสีน้ำตาล : 4.5 x 4 นิ้ว น้ำหนัก : 700 กรัม
กระถางสีดำน้ำตาล 3.2 x 3.5 นิ้ว น้ำหนัก : 500 กรัม</t>
  </si>
  <si>
    <t>ร้านมดแดงด่านเกรียน</t>
  </si>
  <si>
    <t>ผ้าขาวม้าคละสี บ้านคืมมะอุ - นครราชสีมา</t>
  </si>
  <si>
    <t>ผลิตจากผ้าฝ้ายผ้าขาวม้า กี่กระตุก</t>
  </si>
  <si>
    <t>ขนาด : 83 x 200 cm
น้ำหนัก : 300 กรัม</t>
  </si>
  <si>
    <t>แมสปิดปากผ้าขาวม้าแบบครึ่งหน้า - บ้านคึมมะอุ - นครราชสีมา</t>
  </si>
  <si>
    <t>แมสผ้าขาวม้ากี่กระตุก เย็บ 3 ชั้น ชั้นที่ 1 ผ้าขาวม้า ชั้นที่ 2-3 ผ้าขาวบาง มีช่องใส่ฟิวเตอร์</t>
  </si>
  <si>
    <t>ขนาด : 12.5 x 24 cm
น้ำหนัก : 10 กรัม</t>
  </si>
  <si>
    <t>3 - 5 วัน</t>
  </si>
  <si>
    <t>กระเป๋าผ้ากุ้นขอบขยายข้าง บ้านคืมมะอุ - นครราชสีมา</t>
  </si>
  <si>
    <t>ผลิตจากผ้าฝ้ายผ้าขาวม้ากี่กระตุก แปรรูปเป็นกระเป๋า</t>
  </si>
  <si>
    <t>ขนาด : 20x25x5 cm
น้ำหนัก : 100 กรัม</t>
  </si>
  <si>
    <t>15 - 20 วัน</t>
  </si>
  <si>
    <t>ข้าวกาบาผงพร้อมชงดื่ม-รสขิง 25 กรัม - ยโสธร</t>
  </si>
  <si>
    <t>ผลิตจากธัญญาหาร สูตรรสขิง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อย. : 35-2-00154-1-0005</t>
  </si>
  <si>
    <t>น้ำหนัก : 150 กรัม</t>
  </si>
  <si>
    <t>4 วัน</t>
  </si>
  <si>
    <t>ข้าวกาบาผงพร้อมชงดื่ม - สูตรลดน้ำหนัก 20 กรัม - ยโสธร</t>
  </si>
  <si>
    <t>ผลิตจากธัญญาหาร สูตรลดน้ำหนัก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 35-2-00154-1-0001</t>
  </si>
  <si>
    <t>ข้าวหอมปทุม ข้าวเปลือก - ปทุมธานี</t>
  </si>
  <si>
    <t>ลักษณะประจำพันธุ์	
-	เป็นข้าวเจ้า สูงประมาณ 104-133 เซนติเมตร
 	-	ไม่ไวต่อช่วงแสง
 	-	อายุเก็บเกี่ยว ประมาณ 104-126 วัน
 	-	ทรงกอตั้ง ใบสีเขียวมีขน กาบใบและปล้องสีเขียว ใบธงยาว ทำมุม 45o กับคอรวง รวงอยู่ใต้ใบธง
 	-	เมล็ดข้าวเปลือกสีฟาง มีขน มีหางเล็กน้อย
 	-	ระยะพักตัวของเมล็ดประมาณ 3-4 สัปดาห์
-	เมล็ดข้าวเปลือก ยาว x กว้าง x หนา = 10.5 x 2.4 x 1.9 มิลลิเมตร
 	-	เมล็ดข้าวกล้อง ยาว x กว้าง x หนา = 7.6 x 2.1 x 1.7 มิลลิเมตร
 	-	ปริมาณอมิโลส 15-19 %
 	-	คุณภาพข้าวสุก นุ่มเหนียว มีกลิ่นหอมอ่อน
ผลผลิต	-	ประมาณ 650-774 กิโลกรัมต่อไร่
ลักษณะเด่น	
-	ผลผลิตสูง
 	-	คุณภาพเมล็ดคล้ายพันธุ์ข้าวดอกมะลิ 105
 	-	ต้านทานเพลี้ยกระโดดสีน้ำตาล และเพลี้ยกระโดดหลังขาว
 	-	ต้านทานโรคไหม้ และโรคขอบใบแห้ง
ข้อควรระวัง	-	ค่อนข้างอ่อนแอเพลี้ยจักจั่นสีเขียว โรคใบหงิก และโรคใบสีส้ม
(หมายเหตุ : ช่วงทำนาที่ดีที่สุด เดือนสิงหาคม – กรกฎาคม เก็บเกี่ยวช่วงเดือนพฤศจิกายน – ธันาวาคม)</t>
  </si>
  <si>
    <t xml:space="preserve"> น้ำหนัก : 1 กิโลกรัม</t>
  </si>
  <si>
    <t>2 - 3 ปี</t>
  </si>
  <si>
    <t>ปริมาณ 50,000 kg / ปี</t>
  </si>
  <si>
    <t>ไปรษณีย์ ,  ขนส่งเอกชน ,รถกระบะ</t>
  </si>
  <si>
    <t xml:space="preserve">ชุมชนบ้านแสนสุขแสนสุข </t>
  </si>
  <si>
    <t>ข้าวสังข์หยด ข้าวเปลิอก - พัทลุง</t>
  </si>
  <si>
    <t>ลักษณะประจำพันธุ์	
-	เป็นข้าวเจ้าไวต่อช่วงแสงอ่อน
 	-	อายุเก็บเกี่ยวประมาณวันที่ 10 กุมภาพันธ์ เมื่อปลูกตามฤดูนาปีภาคใต้ (ปักดำกลางเดือนกันยายน)
 	-	ทรงกอตั้ง ใบเขียว
 	-	เมล็ดข้าวเปลือกสีฟาง ข้าวซ้อมมือมีสีแดงปนสีขาว ข้าวจากรวงเดียวกันเมื่อขัดสีแล้วบางเมล็ดมีสีขาวใส แต่ส่วนใหญ่มีลักษณะขาวขุ่น
 	-	ระยะพักตัวของเมล็ดพันธุ์ประมาณ 8 สัปดาห์
 	-	เมล็ดข้าวเปลือก ยาว x กว้าง x หนา = 9.3 x 2.1 x 1.7 มิลลิเมตร  
 	-	เมล็ดข้าวกล้องมีสีแดง ยาว x กว้าง x หนา = 6.7 x 1.8 x 1.6 มิลลิเมตร    
 	-	ปริมาณอมิโลสต่ำ (15±2 %)
ผลผลิต	-	เฉลี่ย 330 กิโลกรัมต่อไร่
ลักษณะเด่น	
-	มีเยื่อหุ้มเมล็ดสีแดง ข้าวกล้องเมื่อหุงสุกนุ่มเล็กน้อย ส่วนข้าวซ้อมมือเมื่อหุงสุกนุ่ม
 	-	ข้าวกล้อง มีคุณค่าทางโภชนาการสูง จากตัวอย่างข้าวกล้อง 100 กรัม มีปริมาณไนอาซิน (Niacin) 6.46 มิลลิกรัม ใยอาหาร 4.81 กรัม และธาตุเหล็ก 0.52 มิลลิกรัม
ข้อควรระวัง	-	ไม่ต้านทานโรคไหม้ (หมายเหตุ : ทำนาปีละ 1 ครั้ง
เก็บเกี่ยวเดือน กุมภาพันธ์ )</t>
  </si>
  <si>
    <t>ปริมาณ 90,000 kg / ปี</t>
  </si>
  <si>
    <t xml:space="preserve">วิสาหกิจชุมชนนาแปลงใหญ่บ้านธรรมเถียร </t>
  </si>
  <si>
    <t>ข้าวกล้องสินเหล็กอินทรีย์ 1 กก. - ยโสธร</t>
  </si>
  <si>
    <t>แพ็ค</t>
  </si>
  <si>
    <t>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 หมายเหตุ : ช่วงเก็บเกี่ยวข้าวประมาณเดือนตุลาคม - พฤศจิกายน หลังเก็บเกี่ยวต้องพักข้าวก่อน 3 เดือน เพื่อไร้ความชื้นออกจากข้าว)</t>
  </si>
  <si>
    <t>100 แพ็ค / วัน</t>
  </si>
  <si>
    <t>ข้าวหอมมะลิ 105 ข้าวขาว เวลเนส - พะเยา</t>
  </si>
  <si>
    <t>ข้าวหอมมะลิพะเยา หอม เหนียว นุ่ม และ สุขภาพดี
ข้าวสุขภาพดี ผ่านวิถีชาวนาพะเยา : ข้าวหอมมะลิ105 ข้าวพันธุ์ดีผ่านการคัดสรรด้วยความใส่ใจ โดยได้รับรางวัลจากการประกวดระดับประเทศ จากแหล่งปลูกที่สมบูรณ์ที่เรียกว่า “ ทุ่งรวงทองของล้านนา “ (หมายเหตุ : สต็อกพร้อมส่งตลอดทั้งปี)</t>
  </si>
  <si>
    <t>ข้าวหอมมะลิ 105 ข้าวกล้อง เวลเนส - พะเยา</t>
  </si>
  <si>
    <t>ข้าวเหนียวดำหมอ ข้าวเปลือก - พัทลุง</t>
  </si>
  <si>
    <t>ลักษณะประจำพันธุ์ 
- ข้าวเหนียวดำหมอ 37 สายพันธุ์ PTNC96051-37 เป็นข้าวเหนียวดำพันธุ์พื้นเมืองไวต่อช่วงแสงออก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หมายเหตุ : ทำนาปีละ 1 ครั้ง เก็บเกี่ยวเดือน มีนาคม)</t>
  </si>
  <si>
    <t>ปริมาณ 20,000 kg / ปี</t>
  </si>
  <si>
    <t>ข้าวไร่ดอกพะยอม ข้าวเปลือก - พัทลุง</t>
  </si>
  <si>
    <t>ลักษณะประจำพันธุ์	-	เป็นพันธุ์ข้าวไร่ ข้าวเจ้าพื้นเมือง สูงประมาณ 150 เซนติเมตร
 	-	ไวต่อช่วงแสงอย่างอ่อน
 	-	อายุเก็บเกี่ยว ถ้าปลูกต้นเดือนมิถุนายน เกี่ยวปลายเดือนตุลาคม ถ้าปลูกปลายเดือนสิงหาคม เกี่ยวปลายเดือนมกราคม (อายุประมาณ 145 – 150 วัน)
 	-	ลำต้นเขียว ใบยาว ค่อนข้างแคบ ชูรวงดี เมล็ดเรียวยาว
 	-	ข้าวเปลือกสีฟางก้นจุด
 	-	ระยะพักตัวของเมล็ดประมาณ 2 สัปดาห์
 	-	เมล็ดข้าวเปลือก ยาว x กว้าง x หนา = 10.3 x 2.4 x 2.0 มิลลิเมตร
 	-	เมล็ดข้าวกล้อง ยาว x กว้าง x หนา = 7.3 x 2.2 x 1.8 มิลลิเมตร
 	-	ปริมาณอมิโลส 24 %
 	-	คุณภาพข้าวสุก ร่วน นุ่ม มีกลิ่นหอม
ผลผลิต	-	ประมาณ 250 กิโลกรัมต่อไร่
ลักษณะเด่น	-	คอรวงยาว เหมาะสำหรับเกี่ยวด้วยแกระ
 	-	ปลูกเป็นพืชแซมยางได้ดี
 	-	ต้านทานโรคไหม้ โรคใบจุดสีน้ำตาล และโรคใบขีดสีน้ำตาล
ข้อควรระวัง	-	ไม่ต้านทานโรคขอบใบแห้ง และโรคใบวงสีน้ำตาล (หมายเหตุ : ปีละ 1 ครั้ง เก็บเกี่ยวเดือน มีนาคม)</t>
  </si>
  <si>
    <t>ข้าวเล็บนก ข้าวเปลือก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ผลผลิต	-	ประมาณ 480 กิโลกรัมต่อไร่
ลักษณะเด่น	-	คุณภาพการสี และหุงต้มดี
 	-	แปรรูปเป็นเส้นก๋วยเตี๋ยว คุณภาพดี มีความนุ่มเหนียว
ข้อควรระวัง	-	มีอายุการเก็บเกี่ยวล่า ไม่ควรปลูกในพื้นที่นาดอน        (ทำนาปีละ 1 ครั้ง เก็บเกี่ยวเดือน มีนาคม)</t>
  </si>
  <si>
    <t>ปริมาณ 40,000 kg / ปี</t>
  </si>
  <si>
    <t>ข้าวหอมใบเตย ข้าวเปลือก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
ปลูกข้าว และผู้ประกอบการโรงสี ก็พบว่า ข้าวพันธุ์นี้เป็นข้าวอ่อนนุ่มก้าลังดี เมื่อหุงเป็นข้าวสุกแล้วไม่อ่อน
จนเกินไป และไม่ต้องน้าเอาข้าวขาวพันธุ์อื่นมาหุงผสม เมื่อรับประทานไม่หมดสามารถน้ากลับมาอุ่นเพื่อ
รับประทานอีกครั้งได้ โดยที่ข้าวสุกยังคงความอ่อนนุ่ม และคงความหอมอยู่ (หมายเหตุ : ปีละ 2 ครั้ง
เก็บเกี่ยวเดือน พฤษภาคม และ ตุลาคม )</t>
  </si>
  <si>
    <t>ข้าวมะจานู มรดกข้าวชาวอำเภอมายอ ข้าวเปลือก - ปัตตานี</t>
  </si>
  <si>
    <t xml:space="preserve">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             </t>
  </si>
  <si>
    <t>3 - 3 ปี</t>
  </si>
  <si>
    <t>•	การผลิตจะมี 2 ครั้ง/ปี คือ นาปีและนาปรัง
•	นาปี ปลูก เดือน มิถุนายน    เก็บเกี่ยวเดือนพฤศจิกายน เป็นระยะเวลา 6 เดือน
•	นาปรัง ปลูก เดือน ตุลาคม   เก็บเกี่ยวเดือนมีนาคม เป็นระยะเวลา 6 เดือน
•	ผลิตได้ 1 ไร่ ได้ประมาณ 10 – 15 กระสอบ  1 กระสอบ ได้ประมาณ 40 กก.
•	ต่อปีจะมีประมาณ 800 ตัน/ปี</t>
  </si>
  <si>
    <t xml:space="preserve">ชุมชนดีมีรอยยิ้มเมืองปัตตานี </t>
  </si>
  <si>
    <t>ข้าวดงตาล (ข้าวพันธุ์เมาะโน๊ะ) ข้าวเปลือก- ปัตตานี</t>
  </si>
  <si>
    <t>ลักษณะของพันธุ์ข้าว
เป็นสายพันธุ์พื้นเมืองและที่เกิดขึ้นในบริเวณน้ำกร่อย ใช้เวลาในการปลูกจนเก็บเกี่ยว นานถึง 4 เดือน ลักษณะของเมล็ดข้าว  
เม็ดข้าวจะมีความยาวเรียวประมาณ 0.5- 1 มิลลิเมตร  สารอาหาร มีคุณค่าทางโภชนาการสูง มีสารประกอบกลุ่มฟีนอลิก และวิตามินอี และช่วยต้านอนุมูลอิสระค่อนข้างดี                           
รสชาติ 
เม็ดข้าวจะเรียวขาว เมื่อหุ้งข้าวแล้วไม่แข็งและนิ่มจนเกินไป และมีหอมคล้ายบเตยและรสชาติหวาน</t>
  </si>
  <si>
    <t>4 - 3 ปี</t>
  </si>
  <si>
    <t>•	การผลิตจะมี 2 ครั้ง/ปี คือ นาปีและนาปรัง
•	นาปี ปลูก เดือน มกราคม    เก็บเกี่ยวเดือนเมษายน เป็นระยะเวลา 4 เดือน
•	นาปรัง ปลูก เดือน มิถุนายน   เก็บเกี่ยวเดือนตุลาคม เป็นระยะเวลา 5 เดือน
•	ผลิตได้ 1 ไร่ ได้ประมาณ 10 – 13 กระสอบ  1 กระสอบ ได้ประมาณ 35 กก.
•	ต่อปีจะมีประมาณ 1,000 ตัน/ปี</t>
  </si>
  <si>
    <t>ข้าวขาวไข่มุก ข้าวเปลือก - พัทลุง</t>
  </si>
  <si>
    <t>เป็นข้าวสายพันธุ์มาจากพม่า มีลักษณะเมล็ดเล็ก ยังไม่ได้รับการรับรองจากกรมการข้าว แต่อนุญาตให้ชาวบ้านสามารถเพาะปลูกได้</t>
  </si>
  <si>
    <t>ข้าวหอมชลสิทธิ์ ข้าวเปลือก- ปัตตานี</t>
  </si>
  <si>
    <t xml:space="preserve">ข้าวหอมชลสิทธิ์” เป็นชื่อพระราชทานจากสมเด็จพระเทพรัตนราชสุดาฯ สยามบรมราชกุมารี พื้นที่ตำบลดอนรัก อำเภอหนองจิก จังหวัดปัตตานี เป็นแหล่งผลิตเมล็ดพันธุ์“ข้าวหอมชลสิทธิ์”ที่เดียวในภาคใต้ ซึ่งเป็นนวัตกรรมข้าวหอมมะลิที่ทนน้ำท่วม ทนอยู่ในน้ำได้นาน 2 – 3 สัปดาห์ ข้าวไม่ไวต่อแสง สามารถปลูกในหน้าแล้งได้ โดยเฉพาะในพื้นที่ภาคใต้ปลูกได้มากกว่า 1 ครั้งต่อปี ผลผลิตข้าวเปลือกประมาณ 800-1,000 กิโลกรัมต่อไร่ </t>
  </si>
  <si>
    <t xml:space="preserve">•	การผลิตสามารถผลิตได้ทั้งปี เพราะเป็นสายพันธุ์ที่สามารถทนน้ำท่วมได้นาน 2-3 สัปดาห์
•	สามารถเก็บเกี่ยวได้ถึง 120 วัน
•	ผลิตได้ 1 ไร่ ได้ประมาณ 10 – 13 กระสอบ  1 กระสอบ ได้ประมาณ 35 กก.
•	ต่อปีจะมีประมาณ 800-1,000 กก./ไร่ </t>
  </si>
  <si>
    <t>ข้าวหอมกระดังงา ข้าวเปลือก - นราธิวาส</t>
  </si>
  <si>
    <t>สารอาหาร 
มีคุณค่าทางโภชนาการสูงเป็นที่นิยมของกลุ่มผู้บริโภคข้าวเพื่อสุขภาพมีคุณค่าทางอาหารและโภชนาการ โดยมีปริมาณธาตุแคลเซียมและไฟเตท โดยเฉพาะวิตามินอี วิตามินบี 1 และสารกาบา 
คุณสมบัติพิเศษ  
เป็นข้าวพันธุ์พื้นเมืองของ อำเภอตากใบ จังหวัดนราธิวาส มีสีแดง นุ่ม และมีกลิ่นหอมคล้ายดอกกระดังงา
เม็ดข้าว 
สีของเปลือกเมล็ดเมื่อสุกแก่เป็นสีฟาง ขนสั้น ยอดเมล็ดสีฟาง มีเมล็ดสม่ำเสมอทั้งรวงขนาดเมล็ดข้าวเปลือกยาว 9.13 มิลลิเมตร กว้าง 2.75 มิลลิเมตร หนา 1.97 มิลลิเมตรน้ำหนักข้าวเปลือก 1,000 เมล็ด 20.8 กรัม น้ำหนักข้าวเปลือกต่อถัง 11.9 กิโลกรัม เมล็ดข้าวกล้องมีสีแดง</t>
  </si>
  <si>
    <t xml:space="preserve">ปริมาณ 2,000 kg / ปี </t>
  </si>
  <si>
    <t>ข้าวซีบูกันตัง ข้าวเปลือก - นราธิวาส</t>
  </si>
  <si>
    <t xml:space="preserve">สารอาหาร 
 มีคุณค่าทางโภชนาการสูง คาร์โบไฮเดรต มีใยอาหารสูงกว่า 3 เท่า และมีโปรตีน ไขมัน วิตามิน เกลือแร่ อีกด้วย
คุณสมบัติพิเศษ
 ไม่ไวต่อช่วงแสง ให้ผลผลิตสูงเฉลี่ย 616 กิโลกรัมต่อไร่ ข้าวสุกร่วนแข็งเล็กน้อย ตรงกับความนิยมของผู้บริโภคในท้องถิ่น เหมาะสำหรับปลูกในเขตพื้นที่ 3 จังหวัดชายแดนภาคใต้  
เม็ดข้าว 
ข้าวเปลือกสีน้ำตาล ข้าวกล้องสีขาว ความยาวข้าวกล้องเฉลี่ย 6.15 มิลลิเมตร กว้าง 2.16 มิลลิเมตร หนา 1.55 มิลลิเมตร รูปร่างเมล็ดปานกลาง (อัตราส่วนความยาวต่อความกว้าง 2.84) ท้องไข่ย้อย น้ำหนักข้าวเปลือก 18.5 กรัมต่อ 1,000 เมล็ด และน้ำหนักต่อถังเท่ากับ 12.1 กิโลกรัม คุณภาพการสีดี ได้ข้าวเต็มเมล็ดและต้นข้าวร้อยละ 45 ปริมาณอมิโลสสูง (27.2%) อุณหภูมิแป้งสุกปานกลาง ความคงตัวแป้งสุดปานกลาง </t>
  </si>
  <si>
    <t>ข้าวเปลือกอินทรีย์หอมมะลิขาว 300 กรัม</t>
  </si>
  <si>
    <t>ข้าวเปลือกอินทรีย์พร้อมสี เป็นข้าวเปลือกคุณภาพ ที่ได้รับการคัดสรรว่าปลอดภัยด้วยความร่วมมือระหว่างบริษัท ประชารัฐรักสามัคคี วิสาหกิจเพื่อสังคม (ประเทศไทย) จำกัด กับทางมูลนิธิแม่ฟ้าหลวงในพระบรมราชูปถัม ข้าวสีสด รสชาติเต็มคำ พร้อมคุณค่าทางอาหารครบถ้วน</t>
  </si>
  <si>
    <t>น้ำหนัก : 300 กรัม</t>
  </si>
  <si>
    <t>2  ปี</t>
  </si>
  <si>
    <t>สั่งล่วงหน้า 2 อาทิตย์</t>
  </si>
  <si>
    <t>สั่งล่วงหน้า 1 เดือน</t>
  </si>
  <si>
    <t>คุณเจน</t>
  </si>
  <si>
    <t>ข้าวเปลือกอินทรีย์หอมนิล 300 กรัม</t>
  </si>
  <si>
    <t>ข้าวเหนียวเขาวง ข้าวเปลือก - กาฬสินธุ์</t>
  </si>
  <si>
    <r>
      <rPr>
        <u/>
        <sz val="12"/>
        <rFont val="Helvetica Neue"/>
        <scheme val="major"/>
      </rPr>
      <t>ลักษณะเด่น</t>
    </r>
    <r>
      <rPr>
        <sz val="12"/>
        <rFont val="Helvetica Neue"/>
        <scheme val="major"/>
      </rPr>
      <t xml:space="preserve">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t>
    </r>
    <r>
      <rPr>
        <u/>
        <sz val="12"/>
        <rFont val="Helvetica Neue"/>
        <scheme val="major"/>
      </rPr>
      <t>(</t>
    </r>
    <r>
      <rPr>
        <sz val="12"/>
        <rFont val="Helvetica Neue"/>
        <scheme val="major"/>
      </rPr>
      <t>เฉพาะตำบลนาโก และตำบลหนองห้าง</t>
    </r>
    <r>
      <rPr>
        <u/>
        <sz val="12"/>
        <rFont val="Helvetica Neue"/>
        <scheme val="major"/>
      </rPr>
      <t>)</t>
    </r>
    <r>
      <rPr>
        <sz val="12"/>
        <rFont val="Helvetica Neue"/>
        <scheme val="major"/>
      </rPr>
      <t xml:space="preserve"> และอำเภอนาคู</t>
    </r>
    <r>
      <rPr>
        <u/>
        <sz val="12"/>
        <rFont val="Helvetica Neue"/>
        <scheme val="major"/>
      </rPr>
      <t>(</t>
    </r>
    <r>
      <rPr>
        <sz val="12"/>
        <rFont val="Helvetica Neue"/>
        <scheme val="major"/>
      </rPr>
      <t>เฉพาะตำบลนาคู และตำบลบ่อแก้ว</t>
    </r>
    <r>
      <rPr>
        <u/>
        <sz val="12"/>
        <rFont val="Helvetica Neue"/>
        <scheme val="major"/>
      </rPr>
      <t>)</t>
    </r>
    <r>
      <rPr>
        <sz val="12"/>
        <rFont val="Helvetica Neue"/>
        <scheme val="major"/>
      </rPr>
      <t xml:space="preserve">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r>
  </si>
  <si>
    <t>ปริมาณ 10,000-20,000 ตัน</t>
  </si>
  <si>
    <t>คุณศุภกร อิ่มสนิท</t>
  </si>
  <si>
    <t>ข้าวไร่ดอกข่า ข้าวเปลือก - พังงา</t>
  </si>
  <si>
    <t>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t>
  </si>
  <si>
    <t xml:space="preserve">ปริมาณ 30,000 kg / ปี </t>
  </si>
  <si>
    <t>สหกรณ์กองทุนสวนยางบ้านบางทอง จำกัด</t>
  </si>
  <si>
    <t>ข้าวช่อขิงอินทรีย์ ข้าวเปลือก - สงขลา</t>
  </si>
  <si>
    <t>ลักษณะเด่น
ข้าวช่อขิง ข้าวพันธุ์พื้นเมืองของลุ่มน้ำเทพา ลักษณะของข้าวเมื่อสีออกมาแล้วจะมีสีแดงคล้ายๆ ข้าวสังหยด มีกลิ่นหอมเฉพาะตัว
คุณค่าทางโภชนาการ
ข้าวช่อขิงมีคุณค่าทางธาตุอาหารสูงกว่าข้าวกล้องและข้าวหอมมะลิหลายเท่าตัว มีวิตามิน E และธาตุเหล็ก สูงกว่าข้าวกล่องทั่วไป 6 เท่า และ 2.17 เท่าตามลำดับ ทั้งยังมีสารเบต้าแคโรทีนมากกว่าข้าวหอมมะลิทั่วไป 1.32 เท่า และมีค่า Antioxidant (สารต้านอนุมูลอิสระ) ที่สูงในปริมาณข้าวเพียง 10 กรัม</t>
  </si>
  <si>
    <t>ปริมาณ 5 ตัน / ปี</t>
  </si>
  <si>
    <t>ข้าวหอมปทุม ข้าวสาร - ปทุมธานี</t>
  </si>
  <si>
    <t>ปริมาณ 62,500 kg / ปี</t>
  </si>
  <si>
    <t xml:space="preserve">บ้านแสนสุขสกัดห้า </t>
  </si>
  <si>
    <t>ข้าวมะลิดำ 62 ข้าวสาร - หนองคาย</t>
  </si>
  <si>
    <t>ลักษณะของพันธุ์ข้าว เป็นข้าวเจ้าที่มีเยื่อหุ้มเมล็ดข้าวกล้องสีม่วง ไม่ไวต่อช่วงแสง ปลูกได้ทั้งฤดูนาปีและนาปรัง อายุเก็บเกี่ยวประมาณ 130 วัน ผลผลิตเฉลี่ย 542 กิโลกรัมต่อไร่ ศักยภาพ ในการให้ผลผลิต 864 กิโลกรัมต่อไร่ เหมาะสำหรับปลูกในพื้นที่นาชลประทานและนาน้ำฝน โดยเฉพาะพื้นที่ที่มีโรคไหม้ระบาดหรือพื้นที่ที่ต้องการข้าวคุณภาพพิเศษ
ลักษณะของเมล็ดข้าว จำนวนเมล็ดดีต่อรวง 117 เมล็ด จัดเป็นข้าวเมล็ดยาวรูปร่างเพรียว ท้องไข่น้อย คุณภาพการสีดีมาก มีสารต้านอนุมูลอิสระ กรดเฟอรูลิค แกมมาออไรซานอล วิตามินอี ฟีนอลิค และฟลาโวนอยด์
รสชาติ อร่อยและลักษณะของข้าวเมื่อหุงสุกข้าวสวยเหนียว นุ่ม มีกลิ่นหอม</t>
  </si>
  <si>
    <t>15วัน</t>
  </si>
  <si>
    <t>ข้าวเหนียวเขาวง ข้าวสาร - กาฬสินธุ์</t>
  </si>
  <si>
    <t>ลักษณะเด่น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เฉพาะตำบลนาโก และตำบลหนองห้าง) และอำเภอนาคู(เฉพาะตำบลนาคู และตำบลบ่อแก้ว)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si>
  <si>
    <t xml:space="preserve"> ปริมาณ 10,000-15,000  ตัน</t>
  </si>
  <si>
    <t>ข้าวเจ๊กเชยเสาไห้ ข้าวพันธุ์พื้นเมืองของ จ.สระบุรีเป็นสินค้าสิ่งบ่งชี้ทางภูมิศาสตร์หรือ GI ปลูกได้ที่ อ.เสาไห้ และบางพื้นที่ใน จ.สระบุรี เท่านั้น คุณสมบัติพิเศษ เป็นข้าวพื้นแข็ง เมื่อหุงสุกข้าวจะร่วนเป็นตัว ไม่เกาะเป็นก้อน หุงขึ้นหม้อ ข้าวสุกจะนุ่มไม่แฉะ ไม่แข็งกระด้าง ไม่เหนียวเละ ไม่ยุบตัวเมื่อเป็นข้าวราดแกง ไม่บูดง่ายเมื่อทิ้งไว้ข้ามวัน ข้าวเก่าเมื่อนำมาหุงไม่มีกลิ่นสาบ มีคุณภาพไม่เปลี่ยนแปลง</t>
  </si>
  <si>
    <t>ปริมาณ 5,000 kg / ปี</t>
  </si>
  <si>
    <t>ข้าวไร่ดอกข่า ข้าวสาร - พังงา</t>
  </si>
  <si>
    <t>ข้าวช่อขิงอินทรีย์ ข้าวสาร - สงขลา</t>
  </si>
  <si>
    <t>ปริมาณ 2.5  ตัน / ปี</t>
  </si>
  <si>
    <t>ข้าวเล็บนก ข้าวสาร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ลักษณะเด่น
•	คุณภาพการสี และหุงต้มดี
•	แปรรูปเป็นเส้นก๋วยเตี๋ยว คุณภาพดี มีความนุ่มเหนียว</t>
  </si>
  <si>
    <t>ปริมาณ 28,000 kg  / ปี</t>
  </si>
  <si>
    <t>ข้าวไร่ดอกพะยอม ข้าวสาร - พัทลุง</t>
  </si>
  <si>
    <t>ปริมาณ 14,000 kg / ปี</t>
  </si>
  <si>
    <t>ข้าวหอมใบเตย ข้าวสาร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ปลูกข้าว และผู้ประกอบการโรงสี ก็พบว่า ข้าวพันธุ์นี้เป็นข้าวอ่อนนุ่มก้าลังดี เมื่อหุงเป็นข้าวสุกแล้วไม่อ่อนจนเกินไป และไม่ต้องน้าเอาข้าวขาวพันธุ์อื่นมาหุงผสม เมื่อรับประทานไม่หมดสามารถน้ากลับมาอุ่นเพื่อรับประทานอีกครั้งได้ โดยที่ข้าวสุกยังคงความอ่อนนุ่ม และคงความหอมอยู่</t>
  </si>
  <si>
    <t>ปริมาณ 28,000 kg / ปี</t>
  </si>
  <si>
    <t>ข้าวเหนียวดำหมอ ข้าวสาร - พัทลุง</t>
  </si>
  <si>
    <t>ลักษณะประจำพันธุ์
•	ข้าวเหนียวดำหมอ 37 สายพันธุ์ PTNC96051-37 เป็นข้าวเหนียวดำพันธุ์พื้นเมืองไวต่อช่วงแสงออก
•	ดอกต้นเดือนกุมภาพันธ์ ผลผลิตเฉลี่ย 378 กิโลกรัมต่อไร่ ความสูงประมาณ 139 เซนติเมตร
•	ลักษณะทรงกอตั้ง แผ่นใบสีม่วงผสมเขียว กาบใบสีเขียวเส้นม่วง ใบธงหักลง ยอดเกสรตัวเมียสีม่วงอ่อน ยอดดอกสีม่วงดำ สีกลีบรองสีม่วงแดง คอรวงยาว รวงแน่นปานกลาง การแตกกระแง้ปานกลาง รวงยาว 24.8 เซนติเมตร ข้าวเปลือกสีฟางกระน้ำตาล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	คุณภาพการสีดีมาก ระยะพักตัวประมาณ 8 สัปดาห์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	เป็นข้าวเหนียวดำพื้นเมือง เมื่อนึ่งสุกมีลักษณะอ่อนนุ่มที่ผู้บริโภคในพื้นที่ภาคใต้นิยม นำไปแปรรูปเป็นผลิตภัณฑ์ เป็นอาหารเสริมหรืออาหารว่างใช้ในงานบุญประเพณีและพิธีกรรมต่างๆ ทำให้มีราคาจำหน่ายสูงกว่าข้าวทั่วไป</t>
  </si>
  <si>
    <t>ข้าวสังข์หยด ข้าวสาร - พัทลุง</t>
  </si>
  <si>
    <t>ลักษณะเด่น
ข้าวสังข์หยดมีเยื่อหุ้มเมล็ดสีขาวปนสีแดงจางๆจนถึงสีแดงเข้ม ข้าวกล้องมีสีแดง เพราะมีแอนโทไซยานินอยู่ในเยื่อชั้นนอกของข้าวกล้อง ข้าวซ้อมมือเมื่อขัดสีบางเมล็ดมีสีขาวใส แต่ส่วนใหญ่ลักษณะขุ่นขาว เมื่อหุงสุกจะนุ่มมากและยังคงนุ่มอยู่ เมื่อเย็นลงจะมีกลิ่นที่เป็นเอกลักษณ์
คุณค่าทางโภชนาการ
•	มีวิตามินบีสูง วิตามินบี1 ช่วยป้องกันโรคเหน็บชาและโรคอัมพฤกได้ วิตามินบี2 ช่วยในการป้องกันโรคปากนกกระจอก
•	มีปริมาณสังกะสีสูงที่สุด และให้พลังงานต่ำที่สุด
•	สารสีแดงเป็นรงควัตถุประเภทฟลาโวนอยด์ชนิดมีสารแอนโทไซยานินอยู่ในเยื่อชั้นนอกของข้าวมีคุณสมบัติในการต้านอนุมูลอิสระได้ดี ชะลอความชรา และลดความเสี่ยงการเป็นโรคต่างๆ เช่น ป้องกันโรคหัวใจ และโรคระบบภูมิคุ้มกันทำงานผิดปกติ
•	สารต้านอนุมูลอิสระ พวก oryzanol เป็นกลุ่มวิตามินอี ในกลุ่มโทโคฟีรอล กลุ่มโทโคไตรอีนอลและสารแกมมา-โอริซานอล(Gamma Oryzanol) เป็นสารที่พบในเยื่อหุ้มเมล็ดข้าวเท่านั้น ช่วยชะลอความชรา
•	สาร Gamma Amino Butyric Acid (GABA) ช่วยลดอัตราเสี่ยงของการเป็นมะเร็ง
•	มีฤทธิ์ในการลดระดับคอเลสเตอรอลตัวที่เลว LDL และเพิ่มปริมาณคอเลสเตอรอลตัวที่ดี HDL ในเลือดและไตรกลีเซอไรด์ ทำให้ลดการตีบตันของหลอดเลือด เพิ่มการไหลเวียนของโลหิต
•	มีสารไนอะซินสูง ช่วยในเรื่องของระบบประสาทและผิวหนัง
•	มีสารแคลเซียมและฟอสฟอรัส ช่วยในการป้องกันโรคกระดูกเสื่อม
•	มีฤทธิ์ในการลดความเครียด
•	รักษาอาการผิดปกติของสตรีวัยทอง</t>
  </si>
  <si>
    <t>ปริมาณ  56,000 kg / ปี</t>
  </si>
  <si>
    <t>ข้าวมะจานู มรดกข้าวชาวอำเภอมายอ ข้าวสาร - ปัตตานี</t>
  </si>
  <si>
    <t>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t>
  </si>
  <si>
    <t>ปริมาณ  800 ตัน / ปี</t>
  </si>
  <si>
    <t>ข้าวหอมกระดังงา ข้าวสาร - นราธิวาส</t>
  </si>
  <si>
    <t>ข้าวซีบูกันตัง ข้าวสาร - นราธิวาส</t>
  </si>
  <si>
    <t>กล่องกระจูดไม่บุผ้า(สีธรรมชาติ) 10x8x8 - นครศรีธรรมราช</t>
  </si>
  <si>
    <t>กระเป๋าสานกระจูด (ทรงกล่อง) หูหิ้วหนัง งาน handmade ปราณีต คุณภาพดี เป็นกระเป๋ากระจูดงานฝีมือจากกลุ่มชาวบ้านในพื้นที่ภาคใต้</t>
  </si>
  <si>
    <t>ขนาด : 6.5x9x7 นิ้ว
น้ำหนัก : 230 กรัม</t>
  </si>
  <si>
    <t xml:space="preserve">ไปรษณีย์ ,  ขนส่งเอกชน </t>
  </si>
  <si>
    <t>กลุ่มสตรีสหกรณ์บ้านชะอวด</t>
  </si>
  <si>
    <t>ผ้าขาวม้าผ้าคลุมไหล่ บ้านสวนปอ - ร้อยเอ็ด</t>
  </si>
  <si>
    <t>ผ้าฝ้าย ผ้าขาวม้า ทอมือ ตารางเล็ก</t>
  </si>
  <si>
    <t>ขนาด : 43x160 cm
น้ำหนัก : 120 กรัม</t>
  </si>
  <si>
    <t>กระเป๋าแทบเล็ด ผกาฝ้าย - ร้อยเอ็ด</t>
  </si>
  <si>
    <t>ผลิตจากผ้าทอลายลูกแก้ว บุด้วยฟองน้ำ มีช่องใส่ของ 2 ช่อง</t>
  </si>
  <si>
    <t>ขนาด : 10x14 นิ้ว
น้ำหนัก : 200 กรัม</t>
  </si>
  <si>
    <t>ผกาฝ้าย</t>
  </si>
  <si>
    <t>ตะกร้าเสื่อกก อู่ต่อเรือ - จันทบุรี</t>
  </si>
  <si>
    <t>ตะกร้าเสื่อกกผลิตจากกกจันท์ ทอด้วยฝีมือชาวบ้านบุซับใน กุ๊นขอบเรียบร้อย ที่จับทำจากหนัง PU (ลายจดลิขสิทธิ์)</t>
  </si>
  <si>
    <t>ขนาด : 10x10x14 นิ้ว
น้ำหนัก : 510 กรัม</t>
  </si>
  <si>
    <t>3  ปี</t>
  </si>
  <si>
    <t xml:space="preserve">  20  วัน</t>
  </si>
  <si>
    <t xml:space="preserve"> 50  วัน</t>
  </si>
  <si>
    <t xml:space="preserve"> 90  วัน</t>
  </si>
  <si>
    <t>แผ่นรองจานทำจากเสื่อกก</t>
  </si>
  <si>
    <t>ขนาด : 12x18 นิ้ว
น้ำหนัก : 100 กรัม</t>
  </si>
  <si>
    <t>ถาดแคบกาบกล้วย C-SENSE BANANAMACHE - ลำพูน</t>
  </si>
  <si>
    <t>ผลิตจากกาบกล้วยธรรมชาติ งาน handmade</t>
  </si>
  <si>
    <t>ขนาด : 4x11x1.5 นิ้ว
น้ำหนัก : 100 กรัม</t>
  </si>
  <si>
    <t>7 ปี</t>
  </si>
  <si>
    <t>3 อาทิตย์ - 1 เดือน</t>
  </si>
  <si>
    <t xml:space="preserve">C-SENSE BANANAMACHE </t>
  </si>
  <si>
    <t>พัดแคบกาบกล้วย C-SENSE BANANAMACHE - ลำพูน</t>
  </si>
  <si>
    <t>ขนาด : 6x17x1 นิ้ว
น้ำหนัก : 100 กรัม</t>
  </si>
  <si>
    <t>กางเกงผ้าขาวม้าหมักโคลน ดารานาคึ - บึงกาฬ</t>
  </si>
  <si>
    <t>กางเกงคูลอตท์หรือกางเกง 5 ส่วนขาบาน ผลิตจากผ้าฝ้ายทอมือ เนื้อนุ่ม ใส่สบาย</t>
  </si>
  <si>
    <t>ขนาด : เอว 30 นิ้ว สะโพก 44 นิ้ว ความยาว 30 นิ้ว
น้ำหนัก : 330 กรัม</t>
  </si>
  <si>
    <t xml:space="preserve">  3 ปี</t>
  </si>
  <si>
    <t>ผ้าพันคอหมักโคลน สามมิติประดู่ (200x50 CM) - บึงกาฬ</t>
  </si>
  <si>
    <t>ผลิตจากผ้าฝ้ายย้อมสีธรรมชาติด้วยไม้มงคลต่างๆ เช่น มะขาม ขนุน ฝักคูน ใบยอ นำมาทอลวดลายที่เป็นเอกลักษณ์เฉพาะตัวคือ ลายถุงทอง ลายจรูญรัตน์ ลายสามมิติ และลายสายฝน เป็นต้น โดยผ้าทุกผืนยังผ่านการหมักด้วยโคลนพิเศษ (โคลนจินดามณี) ทำให้ผ้ามีความนุ่มลื่นและสีติดทนนาน ก่อนนำมาออกแบบตัดเย็บเป็น ผ้าพันคอ ซิ่น และเสื้อผ้าสำเร็จรูปอย่างประณีต สวยงาม</t>
  </si>
  <si>
    <t>ขนาด : 47x200 cm
น้ำหนัก : 220 กรัม</t>
  </si>
  <si>
    <t xml:space="preserve"> 45 วัน</t>
  </si>
  <si>
    <t>จมูกข้าวเก้าชนิด บ้านถลุงเหล็ก - ขอนแก่น</t>
  </si>
  <si>
    <t>เครื่องดื่มข้าวกล้องงอกชนิดผง 3 สี 9 สายพันธุ์ Gold Rice
คุณประโยชน์ของข้าว 3 สี 9 สายพันธุ์
1. ข้าวกล้องงอกสี “เหลืองทอง” มีวิตามินโฟเลตสูง
  - ข้าวกล้องงอก “หอมมะลิ 105 มีโปรตีนสูง ช่วยป้องกันโรคเหน็บชา
  - ข้าวกล้องงอก “สินเหล็ก มีดัชนีน้ำตาลต่ำ-ปานกลาง ช่วยป้องกันโรคเบาหวาน และ ยับยั้งเซลล์มะเร็ง
2. ข้าวกล้องงอกสี “ม่วงเข้มอมดำ” มีสารต้านอนุมูลอิสระแอนโทไซยานิน โพรแอนโทไซยานิน วิตามินอี เหล็ก สังกะสี ทองแดง และโปรตีน
  - ข้าวกล้องงอก “ไรซ์เบอร์รี่ มีสารเบต้าแคโรทีน สารแกมมาโอไรซานอล ช่วยบำรุงประสาทและลดความเสี่ยงต่อการเป็นมะเร็ง
  - ข้าวกล้องงอก “ลืมผัว มีโอเมก้า 3,6,9 ช่วยป้องกันโรคหัวใจ และโรคเบาหวาน
  - ข้าวกล้องงอก “หอมนิล มีสารต้านอนุมูลอิสระสูง ช่วยบำรุงสายตา
3. ข้าวกล้องงอกสี “แดง” มีสารต้านอนุมูลอิสระโพลีฟีนอลเหนือกว่าข้าวทุกชนิดที่ทำการวิจัยและยังสูงกว่าผลไม้ตระกูลเบอร์รี่
  - ข้าวกล้องงอก “มะลิแดง ช่วยป้องกันโรคโลหิตจาง และโรคเบาหวาน
  - ข้าวกล้องงอก “ทับทิมชุมแพ มีสารต้านอนุมูลอิสระ ช่วยยับยั้งเซลล์มะเร็ง
  - ข้าวกล้องงอก “สังข์หยด มีสารอาหารสูง ช่วยชะลอความแก่ บำรุงโลหิต ป้องกันโรคความจำเสื่อม
  - ข้าวกล้องงอก “เหนียวแดง ช่วยลดอาการอักเสบในโรคหัวใจ
มาตรฐานรับรอง
1.	Good Manufacturing Practice (GMP)
       CODEX ALIMENTARIUS
       CAC/RCP 1-1969, Rev.4-2003
2.	Hazard Analysis and Critical Control Points
       CODEX ALIMENTARIUS
  	CAC/RCP 1-1969, Rev.4-2003
3.	HALAL เลขทะเบียน G252/2560
4.	FDA (อย.)เลขทะเบียน 44-2-02859-2-0006
วิธีรับประทาน
1.	สำหรับผู้ป่วยโรคเบาหวาน ผงชงดื่มข้าวกล้องงอก 1-2 ช้อนชา น้ำร้อน 180 มล.
2.	สำหรับผู้ที่ต้องการลดน้ำหนัก ผงชงดื่มข้าวกล้องงอก 1-2 ช้อนโต๊ะ น้ำร้อน 250มล.
3.	ดื่มขณะอุ่น ก่อนอาหาร เช้า-เย็น
4.	สามารถผสมกับเครื่องดื่มที่ชื่นชอบของแต่ละบุคคลได้ (หมายเหตุ :ชุมชนรับจากเครือข่ายมาจำหน่าย)</t>
  </si>
  <si>
    <t>น้ำหนัก : 250 กรัม</t>
  </si>
  <si>
    <t>1 อาทิตยื</t>
  </si>
  <si>
    <t xml:space="preserve">ศูนย์ส่งเสริมวิสาหกิจชุมชนบ้านถลุงเหล็ก </t>
  </si>
  <si>
    <t>ผ้าขาวม้าขนาด 80x180cm บ้านทุ่ม - ขอนแก่น</t>
  </si>
  <si>
    <t>ผ้าขาวม้าออกแบบโทนสีสไตล์วินเทจ ให้ความรู้สึกแบบผสมผสานโดยยังคงลวดลายแบบสไตล์ภาคอีสาน เนื้อผ้ามีความนุ่มเป้นพิเศษ ไม่หดและสีไม่ตก</t>
  </si>
  <si>
    <t>ขนาด : 80x180 cm
น้ำหนัก : 200 กรัม</t>
  </si>
  <si>
    <t>1 - 2 อาทิตย์</t>
  </si>
  <si>
    <t>ผ้าขาวม้าขนาด 80x200 ทอมือ บ้านทุ่ม - ขอนแก่น</t>
  </si>
  <si>
    <t>ผ้าขาวม้าทอมือกี่กระตุก</t>
  </si>
  <si>
    <t>ขนาด : 80x200 cm
น้ำหนัก : 200 กรัม</t>
  </si>
  <si>
    <t>ผ้าขาวม้า 1/8 ขนาด 40x50 ซม. บ้านห้วยเตย - กาฬสินธุ์</t>
  </si>
  <si>
    <t>ผ้าขาวม้าอเนกประสงค์ เช่น ทำดอกไม้ พวงมาลัยจิ๋ว ฯลฯ</t>
  </si>
  <si>
    <t>ขนาด : 40x44 cm
น้ำหนัก : 20 กรัม</t>
  </si>
  <si>
    <t>ขึ้นอยู่กับการใช้งาน</t>
  </si>
  <si>
    <t>2  วัน</t>
  </si>
  <si>
    <t>3  วัน</t>
  </si>
  <si>
    <t>ผ้าขาวม้าทอมือ - ขอนแก่น</t>
  </si>
  <si>
    <t>กลุ่มแม่บ้านเกษตรกร บ้านหนองกุงใหญ่</t>
  </si>
  <si>
    <t>ข้าวจ้าว - หอมมะลิแดง 100 % หางงอก - ชัยภูมิ</t>
  </si>
  <si>
    <t>ข้าวหอมมะลิแท้ 100%
วิธีหุงข้าว
1.ไม่ต้องซาวข้าวเติมน้ำสะอาดและเททิ้ง เพียงครั้งเดียว เพื่อไม่ให้วิตามินสูญเสียไปกับน้ำ
2.การหุงข้าว ใช้ข้าว 1 ลิตร ต่อน้ำ 1-1.5 ลิตร
3. เมื่อข้าวสุก ก่อนรับประทาน ควรอุ่นทิ้งไว้ 10 นาที เพื่อเพิ่มความหอม นุ่ม น่ารับประทาน
วิธีเก็บรักษา
เมื่อเปิดถุงแล้ว ควรเก็บไว้ให้มิดชิด หลีกเลี่ยงแสงแดด อากาศไม่อับชื้น เพื่อรักษาคุณค่าทางวิตามินและสารอาหาร</t>
  </si>
  <si>
    <t>วิสาหกิจชุมชนกลุ่มแปรรูปข้าวกล้องงอก</t>
  </si>
  <si>
    <t>ข้าวหอมมะลิทุ่งสัมฤทธิ์ นครราชสีมา - นครราชสีมา</t>
  </si>
  <si>
    <t xml:space="preserve">ข้าวทุ่งสัมฤทธิ์ ปลูกที่จังหวัดนครราชสีมา ได้รับมาตรฐานสินค้าบ่งชี้ทางภูมิศาสตร์(Geographical indications : GI) เป็นทรัพย์สินทางปัญญาของท้องถิ่น ซึ่งต้องได้รับการควบคุมทุกขั้นตอนในการผลิต การรักษามาตรฐาน เพื่อสร้างความปลอดภัยให้แก่ผู้บริโภค ดินที่ปลูกข้าวทุ่งสัมฤทธิ์ มีลักษณะค่อนข้างเค็ม ซึ่งจะทำให้ข้าวนุ่มหอมกว่าข้าวทั่วไป กระบวนการปลูกและบำรุงรักษาทุกขั้นตอน ด้วยวิธีทางการเกษตรอินทรีย์ ปลอดภัยจากสารเคมีต่างๆ
วิธีหุงข้าว
การหุงข้าว ใช้ข้าว 1 ลิตร ต่อน้ำ 1-1.5 ลิตร เมื่อหุงข้าวสุกแล้ว ทิ้งไว้ให้ข้าวระอุ ประมาณ 10 – 15 นาที จะได้ข้าวหอมกรุ่น นุ่มน่ารับประทาน
วิธีเก็บรักษา
ควรเก็บในที่ร่มพ้นแสงแดดและในภาชนะที่มีฝาปิดมิดชิด </t>
  </si>
  <si>
    <t>ปริมาณ  100 ตัน / ปี</t>
  </si>
  <si>
    <t>บริษัท ประชารัฐรักสามัคคีนครราชสีมา (วิสาหกิจเพื่อสังคม) จำกัด</t>
  </si>
  <si>
    <t>กระเป๋าสะพายข้าง - นครราชสีมา</t>
  </si>
  <si>
    <t>กระเป๋าผลิตจากผ้าขาวม้า มีซับใน กุ๊นขอบเรียบร้อย ตกแต่งด้วยตุ๊กตาช้างทำจากผ้าขาวม้า</t>
  </si>
  <si>
    <t>ขนาด : 3x6x9 cm
น้ำหนัก : 30 กรัม</t>
  </si>
  <si>
    <t>เสื้อบ้านสะง้อ - บึงกาฬ</t>
  </si>
  <si>
    <t>เสื้อผ้าฝ้ายทอมือ หมักโคลนทอลายพิเศษ เนื้อนุ่ม ใส่สบาย</t>
  </si>
  <si>
    <t>ขนาด : รอบวงแขน 16 นิ้ว รอบอก 42 นิ้ว ความยาว 26 
น้ำหนัก : 300 กรัม</t>
  </si>
  <si>
    <t xml:space="preserve"> 3 ปี</t>
  </si>
  <si>
    <t>กระเป๋าดินสอ สหกรณ์คำพระ - อำนาจเจริญ</t>
  </si>
  <si>
    <t>ผลิตจากผ้าขาวม้า บุด้วยฟองน้ำ ตัวสายสำหรับถือทำจากหนัง PU</t>
  </si>
  <si>
    <t>ขนาด : 4x5x21 cm
น้ำหนัก : 20 กรัม</t>
  </si>
  <si>
    <t>กลุ่มสตรีสหกรณ์ บ้านคำพระ</t>
  </si>
  <si>
    <t>ผ้าขาวม้านุชบา - อำนาจเจริญ</t>
  </si>
  <si>
    <t>ผ้าขาวม้าทอมือตารางเล็ก ลายช้าง</t>
  </si>
  <si>
    <t>ขนาด : 80x200 cm
น้ำหนัก : 200กรัม</t>
  </si>
  <si>
    <t>หน้ากากผ้าขาวม้าแบบปักชื่อ -อำนาจเจริญ</t>
  </si>
  <si>
    <t>หน้ากากผ้า 2 ชั้น ปักลายแบบโลโก้และชื่อ</t>
  </si>
  <si>
    <t>ถุงผ้าขาวม้า - อุบลราชธานี</t>
  </si>
  <si>
    <t>กระเป๋าผ้าลดโลกร้อน ลายผ้าขาวม้า แบบมีซับในเป็นผ้าดิบ</t>
  </si>
  <si>
    <t>ขนาด : 12x13x16 cm
น้ำหนัก : 100 กรัม</t>
  </si>
  <si>
    <t xml:space="preserve">10 วัน </t>
  </si>
  <si>
    <t>วิสาหกิจชุมชนฝ้ายทอง</t>
  </si>
  <si>
    <t>กาแฟพริ้ว ลาเปเปอร์ - ลำปาง</t>
  </si>
  <si>
    <t xml:space="preserve">ชุดกาแฟทรงเบรคจานรีสไตล์ดั้งเดิมที่มีรายละเอียดแสนประณีต </t>
  </si>
  <si>
    <t>ขนาด : จาน 5.5x6.5 นิ้ว แก้ว 2x3x2.7 นิ้ว 
น้ำหนัก : 400 กรัม</t>
  </si>
  <si>
    <t>30 ปี</t>
  </si>
  <si>
    <t>สั่ง 5,000 บาท  ส่งฟรี</t>
  </si>
  <si>
    <t>บริษัท สาเปเปอร์ จำกัด</t>
  </si>
  <si>
    <t>กาแฟดริป 5 รสชาติ ป่าเหมี้ยง - ลำปาง</t>
  </si>
  <si>
    <t>Chivet (ชะมด) , Dry process , Honey process , Medium (Peaberry) ,Dark</t>
  </si>
  <si>
    <t>ขนาด : บรรจุ 5 ซอง (ซองละ 13 กรัม) 
ปริมาณ 65 กรัม</t>
  </si>
  <si>
    <t>วิสาหกิจชุมชนผู้ปลูกและแปรรูปกาแฟบ้านป่าเหมี้ยง</t>
  </si>
  <si>
    <t>ชุดกาแฟทรงเหลี่ยมบิวโบน+ช้อน ศิลปนคร - ลำปาง</t>
  </si>
  <si>
    <t>ชุดกาแฟ ลายไก่ นิวโบนพร้อมจานรอง มอบเป็นของขวัญหรือของใช้ปลิตจากเซรามิคเนื้อดี</t>
  </si>
  <si>
    <t>ขนาด : จาน 5.3 นิ้ว แก้ว 2.5x4x3 นิ้ว ช้อน 5 นิ้ว
น้ำหนัก : 300 กรัม</t>
  </si>
  <si>
    <t>บริษัท ลำปางศิลปนคร จำกัด</t>
  </si>
  <si>
    <t>ชุดกาแฟทรงเหลี่ยม ธ.ก.ส+ช้อน ศิลปนคร - ลำปาง</t>
  </si>
  <si>
    <t>ชุดกาแฟ ลายไก่ ธ.ก.ส พร้อมจานรอง มอบเป็นของขวัญหรือของใช้ปลิตจากเซรามิคเนื้อดี</t>
  </si>
  <si>
    <t>ขนาด : จาน 5.5 นิ้ว แก้ว 2x3.3x2.7 นิ้ว ช้อน 5 นิ้ว
น้ำหนัก : 400 กรัม</t>
  </si>
  <si>
    <t>ชุดแก้วกาแฟ สีดำมันขูดลาย พุทธสิทธิ์เซรามิค - ลำปาง</t>
  </si>
  <si>
    <t xml:space="preserve">ถ้วยกาแฟสีดำมันขูดลาย  พร้อมจานรอง </t>
  </si>
  <si>
    <t>ขนาด : จาน 4 นิ้ว แก้ว 1.5x3x3 นิ้ว 
น้ำหนัก : 300 กรัม</t>
  </si>
  <si>
    <t xml:space="preserve">พุทธสิทธิ์เซรามิค </t>
  </si>
  <si>
    <t>Phu Rice</t>
  </si>
  <si>
    <t>ข้าวอบกรอบ รสพริกไทยกระเทียม ผลไม้น่าน ขนาด 65 กรัม - น่าน</t>
  </si>
  <si>
    <t>ข้าวอบกรอบรสรสพริกไทยกระเทีย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น้ำหนัก : 65 กรัม</t>
  </si>
  <si>
    <t>วิสาหกิจชุมชนกลุ่มแปรรูปข้าวและผลไม้น่าน</t>
  </si>
  <si>
    <t>ข้าวอบกรอบ รสผลไม้ ผลไม้น่าน ขนาด 65 กรัม - น่าน</t>
  </si>
  <si>
    <t>ข้าวอบกรอบรสผลไ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Box-A41/2P - สมุทรสาคร</t>
  </si>
  <si>
    <t>กล่องกระดาษสาเจาะหน้า</t>
  </si>
  <si>
    <t>ขนาด : 9 x 12 x 2 นิ้ว
น้ำหนัก : 200 กรัม</t>
  </si>
  <si>
    <t>กรอบรูปกาบกล้วย กลุ่มภัทลี - ปัตตานี</t>
  </si>
  <si>
    <t xml:space="preserve">ผลิตจากกาบกล้วย </t>
  </si>
  <si>
    <t>ขนาด : 14 x 10.5 x 5 นิ้ว
น้ำหนัก : 300 กรัม</t>
  </si>
  <si>
    <t>แก้วกาแฟพร้อมจานรอง - สงขลา</t>
  </si>
  <si>
    <t>ชุดกาแฟจากดินสามน้ำและสีเคลือบที่เป็นเอกลักษณ์ของบางกล่ำดินเผา</t>
  </si>
  <si>
    <t>ขนาด : จาน 5 นิ้ว แก้ว 3 x 3 x 2.5 นิ้ว
น้ำหนัก : 300 กรัม</t>
  </si>
  <si>
    <t>1 ดือน</t>
  </si>
  <si>
    <t>กลุ่มบางกล่ำดินเผา</t>
  </si>
  <si>
    <t>เสื้อผ้าฝ้าย ลวดลายงานปักตามแบบชาวมอญ</t>
  </si>
  <si>
    <t>ขนาด : วงแขน 16 นิ้ว อก 40 นิ้ว ความยาว 21 นิ้ว
น้ำหนัก : 100 กรัม</t>
  </si>
  <si>
    <t>17  วัน</t>
  </si>
  <si>
    <t>50 วัน</t>
  </si>
  <si>
    <t>ชุดแซกผ้าฝ้ายเข็นมือ - หนองบัวลำภู</t>
  </si>
  <si>
    <t>ผ้าฝ้ายแท้ ทอมือ สีธรรมชาติ ตัดเย็บทันสมัยใส่สบาย</t>
  </si>
  <si>
    <t>ขนาด : วงแขน 16 นิ้ว อก 40 นิ้ว ความยาว 50 นิ้ว
น้ำหนัก : 300 กรัม</t>
  </si>
  <si>
    <t>จมูกข้าวเขียว (ข้าวผงชงดื่ม) บ้านห้วยเตย - กาฬสินธุ์</t>
  </si>
  <si>
    <r>
      <t xml:space="preserve">ประกอบด้วยผงจมูกข้าวกล้องเขียวหอมมะลิ 105 เป็นส่วนที่อุดมสมบูรณ์ที่สุดของเมล็ดข้าว มีวิตามินและแร่ธาตุที่ให้คุณค่าแก่ร่างกายโดยเฉพาะ โปรตีน , ธาตุเหล็ก ,วิตามินบีรวมและใยอาหาร มีโอเมก้า 3 ,6,9 มีประโยชน์ต่อการพัฒนาสมองของคนทุกเพศทุกวัน
</t>
    </r>
    <r>
      <rPr>
        <b/>
        <u/>
        <sz val="12"/>
        <rFont val="Helvetica Neue"/>
        <scheme val="major"/>
      </rPr>
      <t xml:space="preserve">วิธีใช้ </t>
    </r>
    <r>
      <rPr>
        <sz val="12"/>
        <rFont val="Helvetica Neue"/>
        <scheme val="major"/>
      </rPr>
      <t xml:space="preserve">
ชงผสมกับน้ำอุ่น 1-2 ช้อนชา
ชงผสมกับน้ำผึ้ง หรือ กาแฟ</t>
    </r>
  </si>
  <si>
    <t>น้ำหนัก : 180 กรัม</t>
  </si>
  <si>
    <t>กลุ่มเกษตรอินทรีย์ ชาวนา บ้านนอก</t>
  </si>
  <si>
    <t>ผ้าขาวม้าตารางใหญ่ ย้อมสีธรรมชาติ ขนาด 100x200 -อุบลราชธานี</t>
  </si>
  <si>
    <t>ผ้าขาวม้า ผ้าฝ้ายแท้ ทอมือ ย้อมสีธรรมชาติ</t>
  </si>
  <si>
    <t>ขนาด : 100 x 200 cm
น้ำหนัก : 400 กรัม</t>
  </si>
  <si>
    <t>กลุ่มทอผ้าพื้นเมืองย้อมสีธรรมชาติบ้านทุ่งนาเมือง</t>
  </si>
  <si>
    <t>กระเป๋าสตางค์ผ้าไหม สหกรณ์คำพระ - อำนาจเจริญ</t>
  </si>
  <si>
    <t>ทำจากผ้าพื้นเมือง มีซิปรอบกระเป๋า มีช่องใส่เหรียญ ใส่ธนบัตร</t>
  </si>
  <si>
    <t>ขนาด : 4 x 7.5 นิ้ว
น้ำหนัก : 100 กรัม</t>
  </si>
  <si>
    <t>กระเป๋าเอนกประสงค์ใหญ่ สหกรณ์คำพระ - อำนาจเจริญ</t>
  </si>
  <si>
    <t>กระเป๋าผ้าขาวม้า สายหนัง PU เกรด A รุ่นอเนกประสงค์สำหรับใส่เครื่องสำอางค์</t>
  </si>
  <si>
    <t>ขนาด : 1.5 x 9 x7 นิ้ว
น้ำหนัก : 30 กรัม</t>
  </si>
  <si>
    <t>ผ้าพันคออีรี่ - อำนาจเจริญ</t>
  </si>
  <si>
    <t>ผ้าพันคอ ลายผ้าขาวม้า ทอมือ สีสันสดใส ผ้านุ่ม</t>
  </si>
  <si>
    <t>ขนาด : 46 x 180 cm
น้ำหนัก : 100 กรัม</t>
  </si>
  <si>
    <t>5 - 10 ปี</t>
  </si>
  <si>
    <t>วิสาหกิจชุมชนกลุ่มผลิตและแปรรูปไหมอีรี่ออร์แกนิคอำนาจเจริญ</t>
  </si>
  <si>
    <t>ผ้าขาวม้า 101x180 บ้านสวนปอ - ร้อยเอ็ด</t>
  </si>
  <si>
    <t>ผ้าฝ้ายผ้าขาวม้า ทอมือ สีพิเศษน้ำเงินแดง</t>
  </si>
  <si>
    <t>ขนาด : 90 x 190 cm
น้ำหนัก : 300 กรัม</t>
  </si>
  <si>
    <t>ครกไม้ S กว้าง 4 "สูง 3 - กาฬสินธุ์</t>
  </si>
  <si>
    <t>ครกไม้พร้อมสาก ดีไซน์ทันสมัย ทำจากวัสดุธรรมชาติ มีความทนทาน ตอบโจทย์คนรักบ้าน ช่วยตกแต่งบ้านและครัวเรือนของคุณให้ดูดี มีสไตล์</t>
  </si>
  <si>
    <t>ขนาด : วงในกว้าง 3.5 นิ้ว x ฐาน 2 นิ้ว x สูง 3 นิ้ว (สาก สูง 4 นิ้ว)
น้ำหนัก : 100 กรัม</t>
  </si>
  <si>
    <t>กลุ่มทอผ้าและแปรรูปผลิตภัรฑ์จากผ้าบ้านห้วยเตย</t>
  </si>
  <si>
    <t>กระติบข้าวรูปทรงหัวใจ - ยโสธร</t>
  </si>
  <si>
    <t>กระติ๊บรูปหัวใจ ใช้วัสดุ​ ไม้ไผ่สาน ​มี 2 สี สีธรรมชาติ กับ สีชมพู รมควันกันมอด</t>
  </si>
  <si>
    <t>ขนาด : 4.5 x 3.5 x 3 นิ้ว
น้ำหนัก : 30 กรัม</t>
  </si>
  <si>
    <t>1 ปีขึ้นไปหรือนานกว่านี้ขึ้นอยู่กับการรักษา</t>
  </si>
  <si>
    <t xml:space="preserve">RAK LEAF จานกาบหมากนครพนม  </t>
  </si>
  <si>
    <t>จานกาบหมากเหลี่ยม 6 นิ้ว RAK LEAF - นครพนม</t>
  </si>
  <si>
    <t>จานกาบหมากเหลี่ยม ขนาด 6 นิ้ว
•	ย่อยสลายได้เองตามกระบวนการตามธรรมชาติ
•	ปลอดสารเคมี
•	ภาชนะจากธรรมชาติ 100%
•	สามารถเข้าไมโครเวฟได้
•	สามารถเข้าตบได้
•	สามาถใส่อาหารประเภทน้ำได้นาน 2-4 ชม
•	สามารถใช้ซ้ำได้ 1-2 ครั้ง อายุการใช้งานขึ้นอยู่กับการเก็บรักษา</t>
  </si>
  <si>
    <t>ขนาด : 6 นิ้ว
น้ำหนัก : 20 กรัม</t>
  </si>
  <si>
    <t>50 %</t>
  </si>
  <si>
    <t>ทุเรียนทอดกรอบ ขนาด 79 กรัม - ยะลา</t>
  </si>
  <si>
    <t>ทุเรียนทอดกรอบ ตรา จีแอนด์ชิพ 
79กรัม
ใช้วัตถุดิบที่มีคุณภาพในการทอด
-ไม่อมน้ำมัน 
-มีความกรอบ 
-หอมหวาน 
-ไร้สารเจือปน 
-สะอาด 
-ปลอดภัย โดยได้รับการยอมรับ จาก GMP อย. ฮาลาล (حلال)</t>
  </si>
  <si>
    <t>น้ำหนัก : 79 กรัม</t>
  </si>
  <si>
    <t>1 อาทิตย์ / ถ้าวัตถุดิบทุเรียนพร้อม</t>
  </si>
  <si>
    <t>กลุ่มแปรรูปผลิตภัณฑ์ทุเรียน(สาย15 กะปะห์-บังยี)</t>
  </si>
  <si>
    <t>ตระกร้าสานใส่หูหิ้ว - ยโสธร</t>
  </si>
  <si>
    <t>สินค้าเป็นงานHandmade คุณภาพดี มีเอกลักษณ์เฉพาะตัว ผลิตจากไม้ไผ่ธรรมชาติ</t>
  </si>
  <si>
    <t>ขนาด : ฐาน 9 นิ้ว x กว้าง 11 นิ้ว x สูง 16 นิ้ว
น้ำหนัก : 300 กรัม</t>
  </si>
  <si>
    <t>กระเป๋าทรงถัง 9''x10'' L ชุมชนดีมีรอยยิ้มควนขนุน- พัทลุง</t>
  </si>
  <si>
    <t>กล่องจักสานจากกระจูด ทรงถัง มีฝาสายหนัง</t>
  </si>
  <si>
    <t>ขนาด : 9 x 10 นิ้ว
น้ำหนัก : 400 กรัม</t>
  </si>
  <si>
    <t>1-2 ปี </t>
  </si>
  <si>
    <t>ชุมชนดีมีรอยยิ้มควนขนุน</t>
  </si>
  <si>
    <t>กระเป๋าทรงถัง 8''x9'' M ชุมชนดีมีรอยยิ้มควนขนุน- พัทลุง</t>
  </si>
  <si>
    <t>ขนาด : 8 x 9 นิ้ว 
น้ำหนัก : 300 กรัม</t>
  </si>
  <si>
    <t>กระเป๋าทรงถัง 7''x8'' S ชุมชนดีมีรอยยิ้มควนขนุน- พัทลุง</t>
  </si>
  <si>
    <t>ขนาด : 7 x 8 นิ้ว 
น้ำหนัก : 200 กรัม</t>
  </si>
  <si>
    <t>กระเป๋าทรงถังพับขอบ 9''x10'' Lชุมชนดีมีรอยยิ้มควนขนุน-พัทลุง</t>
  </si>
  <si>
    <t>กล่องจักสานจากกระจูด ทรงถังพับขอบ มีฝาสายหนัง</t>
  </si>
  <si>
    <t>กระเป๋าทรงถังพับขอบ 8''x9'' Mชุมชนดีมีรอยยิ้มควนขนุน- พัทลุง</t>
  </si>
  <si>
    <t>กระเป๋าทรงถังพับขอบ 7''x8'' Sชุมชนดีมีรอยยิ้มควนขนุน- พัทลุง</t>
  </si>
  <si>
    <t>ขนาด : 7 x 8 นิ้ว 
น้ำหนัก : 300 กรัม</t>
  </si>
  <si>
    <t>กระเป๋าทรงถัง 10"x10" นิ้ว ชุมชนดีมีรอยยิ้มควนขนุน - พัทลุง</t>
  </si>
  <si>
    <t>ขนาด : 10 x 10 นิ้ว 
น้ำหนัก : 500 กรัม</t>
  </si>
  <si>
    <t>กระเป๋าทรงถัง 11"x12" นิ้ว ชุมชนดีมีรอยยิ้มควนขนุน - พัทลุง</t>
  </si>
  <si>
    <t>ขนาด : 11 x 12 นิ้ว 
น้ำหนัก : 600 กรัม</t>
  </si>
  <si>
    <t>กระเป๋าทรงถัง 12"x12" นิ้ว ชุมชนดีมีรอยยิ้มควนขนุน - พัทลุง</t>
  </si>
  <si>
    <t>ขนาด : 12 x 12 นิ้ว 
น้ำหนัก : 700 กรัม</t>
  </si>
  <si>
    <t>แฮร์โค้ท หัวปั้ม 7 ดนยา - สมุทรปราการ</t>
  </si>
  <si>
    <t>ซิลกี้แฮร์โค้ท ชนิดหัวปั้ม ด้วยส่วนผสมจากว่านหางจระเข้ น้ำมันทานตะวัน น้ำมันมะพร้าว น้ำมันรำข้าว วิตามินอีและโจโจ้บาออยด์ ใช้เพียง 2-3 หยดลูบไล้ให้ทั่วเส้นผมหลังการสระช่วยให้ผมนุ่มลื่นมีน้ำหนักปกป้องเส้นผมคุณจากการทำสีดัดย้อม ให้เส้นผมเงางามน่าสัมผัส</t>
  </si>
  <si>
    <t>น้ำหนัก : 80 ml.</t>
  </si>
  <si>
    <t>วิสาหกิจชุมชนเรือนไม้หอม</t>
  </si>
  <si>
    <t>น้ำผึ้งโพรงไทย ชุมชนดีมีรอยยิ้มควนขนุน - พัทลุง</t>
  </si>
  <si>
    <t>ผึ้งโพรงไทยรสชาติ หอมหวานปลอดสารเคมี เลี้ยงในพื้นที่สีเขียว เมืองเกษตรอินทรีย์ จังหวัดพัทลุง</t>
  </si>
  <si>
    <t>น้ำหนัก : 225 กรัม</t>
  </si>
  <si>
    <t>กำลังการผลิต 1ตันต่อปี</t>
  </si>
  <si>
    <t>ข้าวหอมมะลิอบกรอบรสโนริสาหร่าย 25 กรัม ริชชี่ไรซ์ - พัทลุง</t>
  </si>
  <si>
    <t>ขนมเกี่ยวข้าว ผลิตจากข้าวหอมมะลิด้วยวิธีการอบ "ไม่ใช่การทอด"เราคัดสรรข้าวหอมมะลิซึ่ง เป็นสายพันธุ์ที่มีถิ่นกำเนิในประเทศไทย มีลักษณะกลิ่นหอมเหมือนดอกมะลิยามเช้าพร่างหยาดน้ำค้างและปราศจากสารพิษเป็นกลิ่นของธรรมชาติอันบริสุทธิ์ เวลาเคี้ยวเมล็ดข้าวจะนุ่มหอมอร่อยมากกว่าข้าวอื่นๆ เลขที่ อย.93-2-02457-6-0012</t>
  </si>
  <si>
    <t>2,000 กล่อง / 1วัน</t>
  </si>
  <si>
    <t>บริษัท ริชชี่ไรซ์ โปรดักส์ จำกัด</t>
  </si>
  <si>
    <t>ข้าวสังข์หยดอบกรอบรสอัลมอนด์ช็อกโกแลต ริชชี่ไรซ์ 100g-พัทลุง</t>
  </si>
  <si>
    <t>ขนมเกี่ยวข้าว ผลิตจากข้าวสังข์หยดเมืองพัทลุง ด้วยวิธีการอบ “ไม่ใช้การทอด”เราคัดสรรข้าวพันธุ์พื้นเมืองของจังหวัดพัทลุง เรียกได้ว่าเป็น “ราชชินีข้าวของภาคใต้” และยังเป็นข้าวสายพันธุ์แรกของโลกที่ได้รับการขึ้นทะเบียนรับรองสิ่งบ่งชี้ทางภุมิศาตร์ (Geographical Indication) เลขที่ อย.93-2-02457-2-0008</t>
  </si>
  <si>
    <t>น้ำหนัก : 100 กรัม</t>
  </si>
  <si>
    <t>500 กล่อง / 1วัน</t>
  </si>
  <si>
    <t>น้ำพริกแห้ง (ผลโรยข้าว) คละรสชาติ มั่งคั่ง ยั่งยืน - นราธิวา</t>
  </si>
  <si>
    <t>น้ำพริกแห้ง ผงโรยข้าว มี 4 รส อร่อยได้ทุกเวลา
1.	น้ำพริกปลาอินทร์ทรงเครื่อง เลขที่ อย.96-2-01960-6-0003
2.	น้ำพริกนรกกุ้งแซป เลขที่ อย.96-2-01960-6-0001
3.	น้ำพริกปลาหมึกย่างเกาหลี เลขที่ อย.96-2-01960-6-0004
4.	น้ำพริกบูดูทรงเครื่อง เลขที่ อย.96-2-01960-6-0006</t>
  </si>
  <si>
    <t>น้ำหนัก : 25x4 กรัม</t>
  </si>
  <si>
    <t xml:space="preserve">     สัปดาห์ละ 3 วัน วันละ 300 กล่อง          (หากสั่งในจำนวนมาก สั่งล่วงหน้า 7 วัน) </t>
  </si>
  <si>
    <t xml:space="preserve"> สั่ง 40 กล่องขึ้นไปฟรีค่าขนส่ง</t>
  </si>
  <si>
    <t>วิสาหกิจชุมชน มั่นคง มั่งคั่ง ยั่งยืน</t>
  </si>
  <si>
    <t>น้ำปลาหวาน มั่งคั่ง ยั่งยืน - นราธิวาส</t>
  </si>
  <si>
    <t>กลอง</t>
  </si>
  <si>
    <t>น้ำปลาหวาน จากสูตรต้นตำหรับและคัดสรรค์วัตถุดิบอย่างดีจากท้องถิ่น จึงทำให้รสชาติความอร่อยและกลมกล่อมยิ่งขึ้น 
ข้อมูลสำหรับผู้แพ้อาหารทะเล : มีปลาและกุ้ง 
คำแนะนำ : หลังจากฉีกซองแล้วควรรับประธานให้หมด
เลขที่ อย. 94-1-10259-5-0009
เครื่องหมายฮาลาล : กอท.ฮล.J936/2562</t>
  </si>
  <si>
    <t>น้ำหนัก : 200 กรัม</t>
  </si>
  <si>
    <t>สัปดาห์ละ 2 วัน วันละ 500 กล่อง</t>
  </si>
  <si>
    <t>น้ำพริกเผาหอยนางรม - สุราษฏร์ธานี</t>
  </si>
  <si>
    <t xml:space="preserve">น้ำพริกเผา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t>
  </si>
  <si>
    <t>ยังไม่รวมค่ส่ง</t>
  </si>
  <si>
    <t>บริษัท ประชารัฐรักสามัคคีสุราฎร์ธานี (วิสาหกิจเพื่อสังคม) จำกัด</t>
  </si>
  <si>
    <t>น้ำพริกนรกหอยนางรม - สุราษฏร์ธานี</t>
  </si>
  <si>
    <t>น้ำพริกนรกหอยนางรม Otop 5 ดาว ทำจากวัตถุดิบชั้นเลิศของสุราษฎร์ธานี ที่เราคัดมาอย่างดี หอยนางรม ขาว อวบ หวาน และปลาทะเล
ปรุงรสด้วยความพิถีพิถัน ไม่ใช้วัตถุกันเสีย และไม่ใส่ผงชูรส สะอาด ปลอดภัย ใส่ใจสุขภาพและสิ่งแวดล้อม เพราะใช้โรงตากพลังงานแสงอาทิตย์ ลดการใช้พลังงานไฟฟ้า และ แก๊สหุงต้ม
ขยะจากกระบวนการผลิต นำไปผลิตปุ๋ยหมักชีวภาพเพื่อใช้ในชุมชน</t>
  </si>
  <si>
    <t>น้ำพริกสวรรค์หอยนางรม - สุราษฏร์ธานี</t>
  </si>
  <si>
    <t>น้ำพริกสวรรค์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เผ็ดน้อย เหมาะสำหรับผู้ไม่ทานเผ็ด</t>
  </si>
  <si>
    <t>เนื้อปลาสลิดอบกรอบ Salid Snack แม่อำนวย - สมุทรปราการ</t>
  </si>
  <si>
    <t>ปลาสลิดบางบ่อ มีความเป็นเอกลักษณ์ตรงขนาดปลามีความพอดีต่อการบริโภค มีเนื้อปลาหวานหอมที่เกิดจากกระบวนการหมักด้วยภูมิปัญญาดั้งเดิม ไม่มีกลิ่นคาวสาบโคลนภายหลังนำไปทอดเพราะเป็นปลาที่เจริญเติบโตในน้ำกร่อย ที่มีพันธุ์หญ้าประจำถิ่นหลายชนิดช่วยปรับสภาพให้น้ำมีคุณภาพ พร้อมกับอาหารที่สมบูรณ์ สร้างความหอมอร่อยของเนื้อและหนังปลาที่กรอบเมื่อผ่านการทอด รวมไปถึงรสชาติที่มีความพอดี ไม่เค็มหรือจืด จึงนับเป็นเมนูอาหารที่เหมาะกับทุกวัย</t>
  </si>
  <si>
    <t>น้ำหนัก : 50 กรัม</t>
  </si>
  <si>
    <t>ยังไม่รวม ( 100 กล่องขึ้นไปส่งฟรี)</t>
  </si>
  <si>
    <t>มัดจำ 30% และชำระส่วนที่เหลือภายใน 1 สัปดาห์
 หลังจากได้รับสินค้า</t>
  </si>
  <si>
    <t>วิสาหกิจชุมชนแม่อำนวยปลาสลิดบางบ่อ</t>
  </si>
  <si>
    <t>ขนมปังชีคเชคไส้สับปะรด (แผ่นกลม) - ประจวบคีรีขันธ์</t>
  </si>
  <si>
    <t>รสชาติเนื้อขนมปัง หวาน มัน เค็ม ไส้สับปะรด หวานอมเปรี้ยว เหมาะสำหรับ ทานเล่น เป้นอาหารว่าง ปราศจากวัตถุกันเสีย ผลิตสดใหม่</t>
  </si>
  <si>
    <t>น้ำหนัก : 140 กรัม</t>
  </si>
  <si>
    <t>ขนมปังชีคเชคไส้สับปะรด (ก้นหอย) - ประจวบคีรีขันธ์</t>
  </si>
  <si>
    <t>ข้าวตังหน้าธัญพืช ข้าวไรซ์เบอรี่ - นครปฐม</t>
  </si>
  <si>
    <t xml:space="preserve">ข้าวตังหน้าธัญพืช
ทำจากข้าวไรซ์เบอรี่พันธุ์ดี ปรุงด้วยสูตรลับ หวาน หอม ด้วยน้ำตาลโตนดแท้ </t>
  </si>
  <si>
    <t>น้ำหนัก : 130 กรัม</t>
  </si>
  <si>
    <t>1-2 วัน</t>
  </si>
  <si>
    <t>ชุมชนบ้านศาลาดิน</t>
  </si>
  <si>
    <t>ข้าวตังหน้าหมูหยอง (ข้าวกล้อง) บ้านศาลาดิน - นครปฐม</t>
  </si>
  <si>
    <t xml:space="preserve">ข้าวตังหน้าหมูหยอง
ทำจากกล้องพันธุ์ดี ปรุงด้วยสูตรลับ หวาน หอม ด้วยน้ำตาลโตนดแท้ </t>
  </si>
  <si>
    <t>ข้าวตังหน้าหมูหยอง (ข้าวไรซ์เบอร์รี่) บ้านศาลาดิน - นครปฐม</t>
  </si>
  <si>
    <t xml:space="preserve">ข้าวตังหน้าหมูหยอง
ทำจากข้าวไรซ์เบอรี่พันธุ์ดี ปรุงด้วยสูตรลับ หวาน หอม ด้วยน้ำตาลโตนดแท้ </t>
  </si>
  <si>
    <t>มะเขือเทศราชินีอบแห้ง รสธรรมชาติ 40 กรัม บ้านดอนตูม- นครปฐม</t>
  </si>
  <si>
    <t>ซอง</t>
  </si>
  <si>
    <t>มะเขือเทศราชินีอบแห้ง อีกหนึ่งผลผลิตดี ๆ จากมะเขือเทศราชินี ที่มาให้คุณได้ลิ้มลองในรูปแบบอบแห้ง อร่อย กินง่าย พกพาไปได้ทุกที่ อบแห้งด้วยพลังงานแสงอาทิตย์ รับประกันความอร่อยด้วยกรรมวิธีการผลิตที่พิถีพิถัน สะอาด ปลอดภัย ได้มาตราฐานและยังคงประโยชน์ของมะเขือเทศราชินีไว้เต็ม ๆ</t>
  </si>
  <si>
    <t>น้ำหนัก : 40 กรัม</t>
  </si>
  <si>
    <t>ยังไม่รวมค่าจัดส่ง /\สั่ง 1,000 ซอง ขึ้นไปจัดส่งฟรี</t>
  </si>
  <si>
    <t>ครั้งแรกเงินสด / ครั้งต่อไปเครดิต 15 วัน</t>
  </si>
  <si>
    <t>วิสาหกิจชุมชนตำบลดอนตูม</t>
  </si>
  <si>
    <t>มะเขือเทศราชินีอบแห้ง รสบ๊วย 40 กรัม บ้านดอนตูม- นครปฐม</t>
  </si>
  <si>
    <t>มะเขือเทศราชินีอบแห้ง รส 3 รส 40 กรัม บ้านดอนตูม- นครปฐม</t>
  </si>
  <si>
    <t>BAMBOOBIZ</t>
  </si>
  <si>
    <t>ไม้ไผ่เลี้ยงขนาด 2 นิ้ว x 2.33 เมตร Bamboobiz -พะเยา</t>
  </si>
  <si>
    <t>ลำ</t>
  </si>
  <si>
    <t>ไม้ไผ่ผ่านการแช่น้ำยากันมอด เกลาข้อ ขัดลำ ตากแห้งเรียบร้อยพร้อมใช้งาน สำหรับใช้งานต่างๆ งานไม้ตกแต่งเน้นคุณภาพ งานละเอียดโดยฝีมือชาวบ้านและทีมตัดไม้มืออาชีพ ไม่ใช่เครื่องจักรกล รับรองความพึงพอใจ ระยะเวลาการใช้งาน5-6ปี กันมอดกันปลวก อาจผุพังตามการใช้งานโดนแดดโดนฝน แต่เรื่องมอดรับประกันเคลมไม้ได้ค่ะ</t>
  </si>
  <si>
    <t>ขนาด : 2 นิ้ว x 2.33 เมตร</t>
  </si>
  <si>
    <t>5 - 6 ปี</t>
  </si>
  <si>
    <t>ไม้แช่น้ำยากันมอด รบกวนสั่งล่วงหน้า 1-2 เดือนโดยประมาณ ทำตามออเดอร์ หรือหากลูกค้าแจ้งขนาดและความยาวของไม้ แล้วทางชุมชนมีพร้อมส่ง ก็สามารถส่งได้เลย</t>
  </si>
  <si>
    <t>ขนส่งนิ่มซี่เส็ง , รถสิบล้อ</t>
  </si>
  <si>
    <t>ยังไม่รวมค่าจัดส่ง
หากมียอดสั่งเต็มเที่ยวคันรถสิบล้อจัดส่งฟรี</t>
  </si>
  <si>
    <t>ผ้าขาวม้า ขนาด 90x400 ซม. ห้วยเตย - กาฬสินธุ์</t>
  </si>
  <si>
    <t xml:space="preserve">ผ้าขาวม้าเนื้อดี ผ้าฝ้าย สีขาวเขียว ตารางเล็ก </t>
  </si>
  <si>
    <t>ขนาด : 90 x 40 cm
น้ำหนัก : 500 กรัม</t>
  </si>
  <si>
    <t>กลุ่มสบู่ตาลโตนด โหนด-นา-เล</t>
  </si>
  <si>
    <t>ดลมณี - Don Manee</t>
  </si>
  <si>
    <t>วิสาหกิจชุมชนกลุ่มข้าวอินทรีย์อำเภอสระใคร</t>
  </si>
  <si>
    <t xml:space="preserve">บริษัท อุตสาหกรรมกระดาษซินกวงฮั้ว (ประเทศไทย) จำกัด </t>
  </si>
  <si>
    <t>ผลิตจาก ผ้าฝ้ายกี่กระตุก แปรรูป เป็นกระเป๋า</t>
  </si>
  <si>
    <t xml:space="preserve">ผลิตจากการเฉพาะปลูก ข้าวระบบอินทรีย์ 9 ชนิด
ข้าว หอมมะลิ อินทรีย์ 
ข้าวกล้อง หอมมะลิ แดงโกเม อินทรีย์ 
ข้าวกล้อง หอมนิล อินทรีย์ 
ข้าวกล้อง หอมมะลิ แดงสุโขทัย อินทรีย์ 
ข้าวกล้อง ไรซ์เบอรี่ อินทรีย์ 
ข้าวกล้อง เหนียวแดง อินทรีย์ 
ข้าวกล้อง หอมมะลิ โกเม อินทรีย์ 
ข้าวกล้อง เหนียวดำ อินทรีย์ 
ข้าวกล้อง เหนียว กข 6 อินทรีย์ </t>
  </si>
  <si>
    <t>ผลิตจาก ธัญญาหาร
ข้าวงอก หอมมะลิ อินทรีย์
ข้าวงอกหอม หอมมะลิแดง อินทรีย์
ข้าวกล้อง เหนียวแดง อินทรีย์ 
ลูกเดือย
ข้าวบาร์เล่ย์
ข้าวโพด
ถั่วเหลือง
ถั่วเชียว
เม็ดบัว</t>
  </si>
  <si>
    <t>ปลาทุบ ปรุงรส เนื้อปลาทะเล เต็มคำ แสนอร่อย
หนุบหนับ ทานคู่ข้าวต้ม หรือทานเป็นอาหารว่าง ก็โดนใจ</t>
  </si>
  <si>
    <t>ผลิตจาก ผ้าฝ้าย ย้อมสีธรรมชาติ</t>
  </si>
  <si>
    <t>ตะกร้าหูตรง ทรงสี่เหลี่ยมผืนผ้า ผลิตจาก ไม้สน</t>
  </si>
  <si>
    <t>ข้าว GI พันธุ์พื้นเมือง ของจังหวัดสระบุรี มีความเหนียว นุ่ม เมื่อเย็นแล้วไม่บูดง่าย และยังคงความนุ่มเอาไว้ไม่แข็งเป็นกระด้าง มีปลูกเฉพาะ จังหวัดสระบุรี ใน 7 อำเภอ เท่านั้น</t>
  </si>
  <si>
    <t>กล้วยหอม อบกรอบ รสกล้วยสุก
ผลิตจาก กล้วยหอมสุก จึงทำให้รสชาติ ของกล้วยนั้น อมเปรี้ยว อมหวาน ตามรสชาติของกล้วยหอมสุกแท้ๆ</t>
  </si>
  <si>
    <t>กล้วยหอม อบกรอบ รสกล้วย 5 อย่าง
ใน 1 ถุง ท่านสามารถ ทานกล้วย ได้ถึง 5 ชนิด
กล้วยหอม กล้วยไข่ กล้วยน้ำหว้า กล้วยเล็บมือนาง กล้วยหักมุก
มีเปลือกอ่อน ที่มีคุณประโชยน์ มีไฟเบอร์ ช่วยในการขับถ่าย</t>
  </si>
  <si>
    <t>น้ำมันมะพร้าว สกัดเย็น 100% ใช้ได้ ทั้งภายนอก และภายใน</t>
  </si>
  <si>
    <t>ผลิตจาก ใบอ่อน ต้นข้าวหอมมะลิ ที่ปลูกบน แปลงอินทรีย์</t>
  </si>
  <si>
    <t>ผลิตจาก ผ้าฝ้าย ลายผ้า ขาวม้า</t>
  </si>
  <si>
    <t>เป็นพืช ที่มีคุณสมบัติ ในการช่วยรักษา โรคกระเพาะอาหาร และลำไส้ เพราะในฝักกระเจี๊ยบ นั้นมีสารเมือกพวกเพ็กติน (Pectin) และกัม (Gum) ช่วยเคลือบแผล ในกระเพาะอาหาร และลำไส้ไม่ให้ลุกลาม รักษาความดันให้เป็นปกติ เป็นยาบำรุงสมอง มีสรรพคุณ เป็นยาระบาย และสามารถแก้โรคพยาธิตัวจี๊ด ได้ด้วย แต่ต้องรับประทาน ติดต่อกัน เป็นเวลาอย่างน้อย 15 วัน</t>
  </si>
  <si>
    <t>ข้าวกล้องหอม ปทุมธานี แท้ 100% หุงข้นหม้อ หอม นุ่ม อุดมไปด้วยคุณค่าทางโปรตีน เส้นใยอาหาร และธาตุเหล็ก มีรสชาติอร่อย ทานง่าย ได้รับการคัดสรรมาอย่างดี เป็นข้าวปลอดภัย ผ่านกรรมวิธีทางธรรมชาติ เท่านั้น</t>
  </si>
  <si>
    <t>แมคคาเดเมีย จากพื้นที่สูง บนยอดดอย อำเภอพบพระ ซึ่งสูงจากระบบน้ำทะเล 2,805 ฟุต คัดสรร และพัฒนาสายพันธุ์ แมคคเดเมีย ที่เหมาะสม ใส่ใจดูแล อย่างพิถีพถัน ปรับแต่งการปรุงดิน ควบคุมตลอดกระบวนการผลิต เพื่อให้ได้ถั่วแมคคาเดเมีย ที่มีรสชาติหอมหวาน มัน ละมุน กรอบ ได้คุณภาพ ทุกเม็ด</t>
  </si>
  <si>
    <t>นมแมคคาเดเมีย มีรสชาติหอมหวาน ละมุน และอุดมด้วยคุณค่าทางโภชนาการ ไม่มีส่วนผสมของนมวัว สามารถทานได้ แม้ช่วงทานเจ เป็นนมทางเลือก สำหรับผู้แพ้นมวัว</t>
  </si>
  <si>
    <t>แยมมัลเบอร์รี่  เต็มรสชาติผลไม้ จากมัลเบอร์รี่ ที่อุดมด้วยวิตามิน แร่ธาตุ และสารต้านอนุมูลอิสระ จึงนับว่าเป็น ผลไม้ เพื่อสุขภาพชั้นเลิศ เหมาะกับ คนรักสุขภาพ เป็นอย่างยิ่ง </t>
  </si>
  <si>
    <t>แยมผิวส้ม  เต็มรสชาติผลไม้ จาก ส้มสายน้ำผึ้ง ที่อุดมด้วยวิตามิน และสารต้าน อนุมูลอิสระ จึงนับว่าเป็นผลไม้ เพื่อสุขภาพ ชั้นเลิศ เหมาะกับ คนรักสุขภาพ เป็นอย่างยิ่ง </t>
  </si>
  <si>
    <t xml:space="preserve">งาดำ มีประโยชน์ มากมาย ช่วยชะลอวัย เสริมสร้างร่างกาย แข็งแรง </t>
  </si>
  <si>
    <t>ผลิตจาก ใบหม่อนออร์แกนิค พันธุ์ดี ที่ผ่านการปลูก และคัดสรรอย่างใส่ใจ ปราศจากสารเคมี และสารตกค้างใดๆ ให้รสชาติกลมกล่อม หอมละมุน ดีต่อสุขภาพ แต่มีปริมาณสารคาเฟอีน น้อยกว่าชาทั่วไป ถึง 200 เท่า ทั้งยังปราศจากสารแทนนิน จึงไม่ทำให้เกิดอาการ ท้องผูก</t>
  </si>
  <si>
    <t>ผลิตจากใบหม่อน ออร์แกนิคพันธุ์ดี ที่ผ่านการปลูก และคัดสรรอย่างใส่ใจ ปราศจากสารเคมี และสารตกค้างใดๆ ให้รสชาติกลมกล่อม หอมละมุน ดีต่อสุขภาพ แต่มีปริมาณสารคาเฟอีน น้อยกว่าชาทั่วไป ถึง 200 เท่า ทั้งยังปราศจากสารแทนนิน จึงไม่ทำให้เกิดอาการ ท้องผูก</t>
  </si>
  <si>
    <t>การแฟสำเร็จรูป หอม เข้ม กลมกล่อม จากความภาคภูมิใจ ลูกไร่กาแฟ จังหวัดน่าน </t>
  </si>
  <si>
    <t>ผลิตจาก น้ำผึ้งป่า ผสม เลม่อน</t>
  </si>
  <si>
    <t>ผักเชียงดดา ผักของคนรักสุขภาพ ใช้เป็นสมุนไพร รักษาโรคเบาหวาน และโรคอ้วน มานานกว่าสองพันปี ด้วยเหตุนี้เอง ผักเชียงดา จึงมีงานวิจัยมากมาย ในต่างประเทศ แม้กระทั่งญี่ปุ่นเอง ที่ได้นำผักเชียงดา ไปจดสิทธิบัตร ชาเบาหวาน</t>
  </si>
  <si>
    <t>ขนมปังชีสเชค ใส้ สับปะรด</t>
  </si>
  <si>
    <t>ผลิตจาก มะพร้าว อำเภอทับสะแก ที่มีคุณภาพเกรดเอ นำมาแปรรูป เป็น มะพร้าว เคลือช็อคดกแลต รสชาเขียว</t>
  </si>
  <si>
    <t>ทุกขั้นตอน ทุกกระบวนการ กลุ่มพิถีพิถัน ใส่ใจ ให้ลูกค้า ได้ลิ้มลองรสชาติอร่อย ถูกปาก ถูกใจ คุ้มค่า สุดยอดความอร่อยกว่า 23 ปี</t>
  </si>
  <si>
    <t>กระยาสารทสามอ่าว ขนมไทยโบราณ ที่ทำจากถั่ว งา ข้าวคั่ว และน้ำตาล ไม่ใส่สารกันบูด ไม่เหนียวติดมือ กลุ่มปรับปรุงสูตร นำมะพร้าว และสับปะรดอบแห้ง ซึ่งเป็นพืชเศรษฐกิจของจังหวัด มาเป็นวัตถุดิบ ซึ่งเป็นเอกลักษณ์ ของกลุ่ม ทำให้มีกลิ่นหอม สดใหม่ รสชาติเข้มข้นมากขึ้น</t>
  </si>
  <si>
    <t>ผลิตจาก น้ำตาลโตนด แท้ 100 % ปราศจาก สารกันบูด และสารเจือปน</t>
  </si>
  <si>
    <t>คั่วเข้ม : Dark Gold หอมเข้ม เหมาะทานเป็น กาแฟเย็น เมนูดัง ดับกระหาย คลายร้อน</t>
  </si>
  <si>
    <t>คั่วกลาง : Medium Gold หอมลึก ติดริมปาก เหมาะทานเป็นกาแฟร้อน เมนูยอดนิยม</t>
  </si>
  <si>
    <t>ผลิตจาก ผักตบชวา</t>
  </si>
  <si>
    <t>ผลิตจาก ผักตบชวา และผ้าฝ้ายผ้าขาวม้า</t>
  </si>
  <si>
    <t>ผลิตจาก เศษผ้าฝ้าย และผ้าไหม</t>
  </si>
  <si>
    <t>ผลิตจาก ผ้าฝ้ายทอมือ (คละสี)</t>
  </si>
  <si>
    <t>ผลิตจาก ผ้าฝ้ายทอมือ ลายผ้าขาวม้า (คละสี)</t>
  </si>
  <si>
    <t>ผลิตจาก ผ้าฝ้ายทอมือ ลายผ้าขาวม้า 7 สี</t>
  </si>
  <si>
    <t>ผลิตจาก ผ้าฝ้ายทอมือ ลายผ้าขาวม้า</t>
  </si>
  <si>
    <t xml:space="preserve">ผลิตจาก ผ้าฝ้าย ทอมือ </t>
  </si>
  <si>
    <t>ผลิตจาก ผ้าฝ้าย ทอมือ (คละสี)</t>
  </si>
  <si>
    <t>ผลิตจาก กระจูด บุผ้า ด้านใน หูรูด</t>
  </si>
  <si>
    <t>ผลิตจาก กระจูด สาน 2 ชั้น พร้อมห้อยปลา</t>
  </si>
  <si>
    <t>ผลิตจาก กระจูด พร้อมห้อย ปลายสาน</t>
  </si>
  <si>
    <t>ผลิตจาก กระจูด และไม้ไผ่</t>
  </si>
  <si>
    <t>ผลิตจาก ผ้าฝ้าย ทอมือ ย้อมสีธรรมชาติ</t>
  </si>
  <si>
    <t>ผลิตจาก ผ้าฝ้ายทอมือ ลายผ้าขาวม้า ย้อมสีธรรมชาติ</t>
  </si>
  <si>
    <t>ผลิตจาก ผ้าฝ้าย ผ้าขาวม้า ซับด้านใน ด้วยฟองน้ำ และผ้าร่ม</t>
  </si>
  <si>
    <t xml:space="preserve">ผลิตจาก ผ้าฝ้าย ผ้าขาวม้า </t>
  </si>
  <si>
    <t>ถักทอเส้นใย ของ ป่านศรนารายณ์ ย้อมสี ที่ผ่านกระบวนการล้างสี ป้องกันสีตก และมีสีสดใสได้นาน ไม่ซีดง่าย</t>
  </si>
  <si>
    <t>ผลิตจากผ้าฝ้าย ลายผ้าขาวม้า แปรรูปเป็น เสื้อ</t>
  </si>
  <si>
    <t>ผลิตจากผ้าฝ้าย ลายผ้าขาวม้า แปรรูปเป็น กระเป๋า</t>
  </si>
  <si>
    <t>ผลิตจากผ้าฝ้าย ลายผ้าขาวม้า แปรรูปเป็น พวงมาลัย</t>
  </si>
  <si>
    <t>ผลิตจากผ้าฝ้าย ลายผ้าขาวม้า แปรรูปเป็น ปกสมุดผ้าขาวม้า</t>
  </si>
  <si>
    <t>ผลิตจาก เส้นพลาสติก นำมาสานเป็น กระเป๋า</t>
  </si>
  <si>
    <t>ผลิตจากผ้าฝ้าย ทอมือ ลายผ้าขาวม้า ตารางใหญ่</t>
  </si>
  <si>
    <t>ผลิตจากผ้าฝ้ายทอมือ แปรรูปเป็น กระเป๋า</t>
  </si>
  <si>
    <t>ผลิตจากกระจูด แปรรูปเป็น ตูมู</t>
  </si>
  <si>
    <t>ผลิตจากผ้าฝ้าย ลายผ้าขาวม้า แปรรูปเป็น ตุ๊กตา</t>
  </si>
  <si>
    <t>ผลิตจากไม้ไผ่ ตกแต่ง ด้วยพู่</t>
  </si>
  <si>
    <t>แกะสลักจาก ไม้สัก ไม้มงคล ตัวสายเป็นหนัง ตกแต่งด้วยพู่</t>
  </si>
  <si>
    <t>ผ้าไหมพรม อบกลิ่นตะไคร้ ช่วยไล่ยุง เมื่อทำการซักประมาณ 3 ครั้ง กลิ่นจะจางหายไป</t>
  </si>
  <si>
    <t>แป้งที่ปรุงด้วยเครื่องหอม ภูมิปัญญาของคนโบราณ ใช้ผัดหน้า ให้งดงาม ผุดผ่องนวลเนียน อย่างธรรมชาติ และช่วยปกป้อง ผิวจาก แสงแดด</t>
  </si>
  <si>
    <t>น้ำอบไทย ตราสิริกร ของแท้สูตรดั้งเดิม ใช้สำหรับ พิธีมงคล สรงน้ำพระ </t>
  </si>
  <si>
    <t>น้ำหอม กลิ่นมะลิ แทนความหมายของ รักอบอุ่น เพราะมีกลิ่นหอม อบอุ่น กลิ่นหอม ติดทนนาน</t>
  </si>
  <si>
    <t>น้ำหอม กลิ่นกุหลาบ มีความโดเด่นเฉพาะตัว เผยกลิ่นหอม และมุนชวนหลงไหล ใครได้กลิ่น เป็นต้องอยากอยู่ใกล้ กลิ่นหอม สะกดใจยาวนาน ตลอดวัน</t>
  </si>
  <si>
    <t>น้ำหอมกลิ่นมะลิ แทนความหมายของ รักอบอุ่น เพราะมีกลิ่นหอมอบอุ่น กลิ่นหอม ติดทนนาน</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1">
    <font>
      <sz val="10"/>
      <color indexed="8"/>
      <name val="Helvetica Neue"/>
    </font>
    <font>
      <sz val="12"/>
      <name val="Helvetica Neue"/>
      <scheme val="minor"/>
    </font>
    <font>
      <sz val="12"/>
      <name val="Helvetica Neue"/>
      <scheme val="major"/>
    </font>
    <font>
      <sz val="12"/>
      <color indexed="8"/>
      <name val="Helvetica Neue"/>
    </font>
    <font>
      <sz val="12"/>
      <color theme="2" tint="-0.749961851863155"/>
      <name val="Helvetica Neue"/>
      <scheme val="minor"/>
    </font>
    <font>
      <sz val="12"/>
      <color theme="1"/>
      <name val="Helvetica Neue"/>
      <scheme val="minor"/>
    </font>
    <font>
      <sz val="12"/>
      <color theme="1"/>
      <name val="Helvetica Neue"/>
      <scheme val="major"/>
    </font>
    <font>
      <sz val="12"/>
      <color theme="1" tint="0.34998626667073579"/>
      <name val="Helvetica Neue"/>
      <scheme val="minor"/>
    </font>
    <font>
      <sz val="12"/>
      <color theme="1" tint="0.34998626667073579"/>
      <name val="Helvetica Neue"/>
      <scheme val="major"/>
    </font>
    <font>
      <b/>
      <sz val="12"/>
      <color indexed="8"/>
      <name val="Helvetica Neue"/>
    </font>
    <font>
      <sz val="12"/>
      <name val="Helvetica Neue"/>
      <family val="2"/>
      <scheme val="major"/>
    </font>
    <font>
      <sz val="12"/>
      <name val="Berlin Sans FB"/>
      <family val="2"/>
    </font>
    <font>
      <sz val="12"/>
      <color theme="1"/>
      <name val="Helvetica Neue"/>
      <family val="2"/>
      <scheme val="major"/>
    </font>
    <font>
      <sz val="12"/>
      <name val="Calibri"/>
      <family val="2"/>
    </font>
    <font>
      <sz val="12"/>
      <color theme="1" tint="0.34998626667073579"/>
      <name val="Helvetica Neue"/>
      <family val="2"/>
      <scheme val="major"/>
    </font>
    <font>
      <sz val="11"/>
      <color theme="1" tint="0.14993743705557422"/>
      <name val="Helvetica Neue"/>
      <family val="2"/>
      <scheme val="minor"/>
    </font>
    <font>
      <u/>
      <sz val="12"/>
      <name val="Helvetica Neue"/>
      <scheme val="major"/>
    </font>
    <font>
      <b/>
      <u/>
      <sz val="12"/>
      <name val="Helvetica Neue"/>
      <scheme val="major"/>
    </font>
    <font>
      <sz val="12"/>
      <color theme="1" tint="0.14993743705557422"/>
      <name val="Helvetica Neue"/>
      <family val="2"/>
      <scheme val="minor"/>
    </font>
    <font>
      <sz val="12"/>
      <color indexed="8"/>
      <name val="Tahoma"/>
      <family val="2"/>
    </font>
    <font>
      <sz val="12"/>
      <color rgb="FF36393D"/>
      <name val="Helvetica Neue"/>
      <family val="2"/>
      <scheme val="major"/>
    </font>
  </fonts>
  <fills count="4">
    <fill>
      <patternFill patternType="none"/>
    </fill>
    <fill>
      <patternFill patternType="gray125"/>
    </fill>
    <fill>
      <patternFill patternType="solid">
        <fgColor rgb="FF00B0F0"/>
        <bgColor indexed="64"/>
      </patternFill>
    </fill>
    <fill>
      <patternFill patternType="solid">
        <fgColor theme="0"/>
        <bgColor indexed="64"/>
      </patternFill>
    </fill>
  </fills>
  <borders count="19">
    <border>
      <left/>
      <right/>
      <top/>
      <bottom/>
      <diagonal/>
    </border>
    <border>
      <left style="thin">
        <color indexed="10"/>
      </left>
      <right/>
      <top style="thin">
        <color indexed="10"/>
      </top>
      <bottom style="thin">
        <color indexed="11"/>
      </bottom>
      <diagonal/>
    </border>
    <border>
      <left/>
      <right/>
      <top style="thin">
        <color indexed="10"/>
      </top>
      <bottom style="thin">
        <color indexed="11"/>
      </bottom>
      <diagonal/>
    </border>
    <border>
      <left/>
      <right style="thin">
        <color indexed="10"/>
      </right>
      <top style="thin">
        <color indexed="10"/>
      </top>
      <bottom style="thin">
        <color indexed="11"/>
      </bottom>
      <diagonal/>
    </border>
    <border>
      <left style="thin">
        <color indexed="11"/>
      </left>
      <right style="thin">
        <color indexed="11"/>
      </right>
      <top style="thin">
        <color indexed="11"/>
      </top>
      <bottom style="thin">
        <color indexed="11"/>
      </bottom>
      <diagonal/>
    </border>
    <border>
      <left style="thin">
        <color indexed="13"/>
      </left>
      <right style="thin">
        <color indexed="13"/>
      </right>
      <top style="thin">
        <color indexed="13"/>
      </top>
      <bottom style="thin">
        <color indexed="13"/>
      </bottom>
      <diagonal/>
    </border>
    <border>
      <left style="thin">
        <color theme="4"/>
      </left>
      <right/>
      <top style="thin">
        <color theme="4"/>
      </top>
      <bottom/>
      <diagonal/>
    </border>
    <border>
      <left style="thin">
        <color auto="1"/>
      </left>
      <right style="thin">
        <color auto="1"/>
      </right>
      <top style="thin">
        <color auto="1"/>
      </top>
      <bottom style="thin">
        <color auto="1"/>
      </bottom>
      <diagonal/>
    </border>
    <border>
      <left style="thin">
        <color theme="4"/>
      </left>
      <right/>
      <top/>
      <bottom/>
      <diagonal/>
    </border>
    <border>
      <left style="thin">
        <color rgb="FF1A99B2"/>
      </left>
      <right style="thin">
        <color rgb="FF1A99B2"/>
      </right>
      <top style="thin">
        <color rgb="FF1A99B2"/>
      </top>
      <bottom style="thin">
        <color rgb="FF1A99B2"/>
      </bottom>
      <diagonal/>
    </border>
    <border>
      <left/>
      <right/>
      <top style="thin">
        <color theme="4"/>
      </top>
      <bottom/>
      <diagonal/>
    </border>
    <border>
      <left style="thin">
        <color rgb="FF1A99B2"/>
      </left>
      <right style="thin">
        <color rgb="FF1A99B2"/>
      </right>
      <top style="thin">
        <color rgb="FF1A99B2"/>
      </top>
      <bottom/>
      <diagonal/>
    </border>
    <border>
      <left style="thin">
        <color rgb="FF1A99B2"/>
      </left>
      <right style="thin">
        <color rgb="FF1A99B2"/>
      </right>
      <top/>
      <bottom style="thin">
        <color rgb="FF1A99B2"/>
      </bottom>
      <diagonal/>
    </border>
    <border>
      <left style="thin">
        <color rgb="FF1A99B2"/>
      </left>
      <right style="thin">
        <color rgb="FF1A99B2"/>
      </right>
      <top style="thin">
        <color rgb="FF1A99B2"/>
      </top>
      <bottom style="thin">
        <color rgb="FF00B0F0"/>
      </bottom>
      <diagonal/>
    </border>
    <border>
      <left style="thin">
        <color rgb="FF1A99B2"/>
      </left>
      <right style="thin">
        <color rgb="FF1A99B2"/>
      </right>
      <top style="thin">
        <color rgb="FF00B0F0"/>
      </top>
      <bottom style="thin">
        <color rgb="FF1A99B2"/>
      </bottom>
      <diagonal/>
    </border>
    <border>
      <left style="thin">
        <color rgb="FF1A99B2"/>
      </left>
      <right style="thin">
        <color rgb="FF1A99B2"/>
      </right>
      <top/>
      <bottom/>
      <diagonal/>
    </border>
    <border>
      <left style="thin">
        <color rgb="FF00B0F0"/>
      </left>
      <right style="thin">
        <color rgb="FF00B0F0"/>
      </right>
      <top style="thin">
        <color rgb="FF00B0F0"/>
      </top>
      <bottom style="thin">
        <color rgb="FF00B0F0"/>
      </bottom>
      <diagonal/>
    </border>
    <border>
      <left/>
      <right style="thin">
        <color rgb="FF1A99B2"/>
      </right>
      <top style="thin">
        <color rgb="FF1A99B2"/>
      </top>
      <bottom style="thin">
        <color rgb="FF1A99B2"/>
      </bottom>
      <diagonal/>
    </border>
    <border>
      <left style="thin">
        <color theme="2" tint="-0.499984740745262"/>
      </left>
      <right style="thin">
        <color rgb="FF1A99B2"/>
      </right>
      <top style="thin">
        <color rgb="FF1A99B2"/>
      </top>
      <bottom style="thin">
        <color rgb="FF1A99B2"/>
      </bottom>
      <diagonal/>
    </border>
  </borders>
  <cellStyleXfs count="2">
    <xf numFmtId="0" fontId="0" fillId="0" borderId="0" applyNumberFormat="0" applyFill="0" applyBorder="0" applyProtection="0">
      <alignment vertical="top" wrapText="1"/>
    </xf>
    <xf numFmtId="0" fontId="15" fillId="0" borderId="0" applyNumberFormat="0" applyFill="0" applyBorder="0" applyAlignment="0" applyProtection="0"/>
  </cellStyleXfs>
  <cellXfs count="82">
    <xf numFmtId="0" fontId="0" fillId="0" borderId="0" xfId="0" applyFont="1" applyAlignment="1">
      <alignment vertical="top" wrapText="1"/>
    </xf>
    <xf numFmtId="49" fontId="3" fillId="2" borderId="4" xfId="0" applyNumberFormat="1" applyFont="1" applyFill="1" applyBorder="1" applyAlignment="1">
      <alignment horizontal="center" vertical="top" wrapText="1"/>
    </xf>
    <xf numFmtId="0" fontId="2" fillId="2" borderId="6" xfId="0" applyNumberFormat="1" applyFont="1" applyFill="1" applyBorder="1" applyAlignment="1">
      <alignment vertical="center"/>
    </xf>
    <xf numFmtId="49" fontId="3" fillId="2" borderId="5" xfId="0" applyNumberFormat="1" applyFont="1" applyFill="1" applyBorder="1">
      <alignment vertical="top" wrapText="1"/>
    </xf>
    <xf numFmtId="0" fontId="10" fillId="2" borderId="6" xfId="0" applyNumberFormat="1" applyFont="1" applyFill="1" applyBorder="1" applyAlignment="1">
      <alignment vertical="center"/>
    </xf>
    <xf numFmtId="0" fontId="10" fillId="2" borderId="8" xfId="0" applyNumberFormat="1" applyFont="1" applyFill="1" applyBorder="1" applyAlignment="1">
      <alignment vertical="center"/>
    </xf>
    <xf numFmtId="0" fontId="10" fillId="2" borderId="9" xfId="0" applyNumberFormat="1" applyFont="1" applyFill="1" applyBorder="1" applyAlignment="1">
      <alignment vertical="center"/>
    </xf>
    <xf numFmtId="0" fontId="10" fillId="2" borderId="10" xfId="0" applyNumberFormat="1" applyFont="1" applyFill="1" applyBorder="1" applyAlignment="1">
      <alignment vertical="center"/>
    </xf>
    <xf numFmtId="0" fontId="10" fillId="2" borderId="6" xfId="0" applyNumberFormat="1" applyFont="1" applyFill="1" applyBorder="1" applyAlignment="1">
      <alignment vertical="center" wrapText="1"/>
    </xf>
    <xf numFmtId="0" fontId="10" fillId="2" borderId="6" xfId="0" quotePrefix="1" applyNumberFormat="1" applyFont="1" applyFill="1" applyBorder="1" applyAlignment="1">
      <alignment vertical="center" wrapText="1"/>
    </xf>
    <xf numFmtId="0" fontId="11" fillId="2" borderId="6" xfId="0" quotePrefix="1" applyNumberFormat="1" applyFont="1" applyFill="1" applyBorder="1" applyAlignment="1">
      <alignment vertical="center"/>
    </xf>
    <xf numFmtId="0" fontId="3" fillId="2" borderId="0" xfId="0" applyNumberFormat="1" applyFont="1" applyFill="1">
      <alignment vertical="top" wrapText="1"/>
    </xf>
    <xf numFmtId="0" fontId="2" fillId="2" borderId="9" xfId="0" applyNumberFormat="1" applyFont="1" applyFill="1" applyBorder="1" applyAlignment="1">
      <alignment vertical="center"/>
    </xf>
    <xf numFmtId="0" fontId="10" fillId="2" borderId="9" xfId="0" applyNumberFormat="1" applyFont="1" applyFill="1" applyBorder="1" applyAlignment="1">
      <alignment vertical="center" wrapText="1"/>
    </xf>
    <xf numFmtId="0" fontId="2" fillId="2" borderId="11" xfId="0" applyNumberFormat="1" applyFont="1" applyFill="1" applyBorder="1" applyAlignment="1">
      <alignment vertical="center"/>
    </xf>
    <xf numFmtId="0" fontId="10" fillId="2" borderId="11" xfId="0" applyNumberFormat="1" applyFont="1" applyFill="1" applyBorder="1" applyAlignment="1">
      <alignment vertical="center"/>
    </xf>
    <xf numFmtId="0" fontId="10" fillId="2" borderId="11" xfId="0" applyNumberFormat="1" applyFont="1" applyFill="1" applyBorder="1" applyAlignment="1">
      <alignment vertical="center" wrapText="1"/>
    </xf>
    <xf numFmtId="0" fontId="2" fillId="2" borderId="12" xfId="0" applyNumberFormat="1" applyFont="1" applyFill="1" applyBorder="1" applyAlignment="1">
      <alignment vertical="center"/>
    </xf>
    <xf numFmtId="0" fontId="10" fillId="2" borderId="12" xfId="0" applyNumberFormat="1" applyFont="1" applyFill="1" applyBorder="1" applyAlignment="1">
      <alignment vertical="center"/>
    </xf>
    <xf numFmtId="0" fontId="10" fillId="2" borderId="12" xfId="0" applyNumberFormat="1" applyFont="1" applyFill="1" applyBorder="1" applyAlignment="1">
      <alignment vertical="center" wrapText="1"/>
    </xf>
    <xf numFmtId="3" fontId="10" fillId="2" borderId="12" xfId="0" applyNumberFormat="1" applyFont="1" applyFill="1" applyBorder="1" applyAlignment="1">
      <alignment vertical="center"/>
    </xf>
    <xf numFmtId="3" fontId="10" fillId="2" borderId="9" xfId="0" applyNumberFormat="1" applyFont="1" applyFill="1" applyBorder="1" applyAlignment="1">
      <alignment vertical="center"/>
    </xf>
    <xf numFmtId="0" fontId="2" fillId="2" borderId="9" xfId="0" applyNumberFormat="1" applyFont="1" applyFill="1" applyBorder="1" applyAlignment="1">
      <alignment vertical="center" wrapText="1"/>
    </xf>
    <xf numFmtId="0" fontId="6" fillId="2" borderId="9" xfId="0" applyNumberFormat="1" applyFont="1" applyFill="1" applyBorder="1" applyAlignment="1">
      <alignment vertical="center"/>
    </xf>
    <xf numFmtId="0" fontId="6" fillId="2" borderId="9" xfId="0" applyNumberFormat="1" applyFont="1" applyFill="1" applyBorder="1" applyAlignment="1">
      <alignment vertical="center" wrapText="1"/>
    </xf>
    <xf numFmtId="0" fontId="12" fillId="2" borderId="9" xfId="0" applyNumberFormat="1" applyFont="1" applyFill="1" applyBorder="1" applyAlignment="1">
      <alignment vertical="center"/>
    </xf>
    <xf numFmtId="0" fontId="12" fillId="2" borderId="9" xfId="0" applyNumberFormat="1" applyFont="1" applyFill="1" applyBorder="1" applyAlignment="1">
      <alignment vertical="center" wrapText="1"/>
    </xf>
    <xf numFmtId="0" fontId="13" fillId="2" borderId="9" xfId="0" applyNumberFormat="1" applyFont="1" applyFill="1" applyBorder="1" applyAlignment="1">
      <alignment vertical="center"/>
    </xf>
    <xf numFmtId="0" fontId="2" fillId="2" borderId="13" xfId="0" applyNumberFormat="1" applyFont="1" applyFill="1" applyBorder="1" applyAlignment="1">
      <alignment vertical="center"/>
    </xf>
    <xf numFmtId="0" fontId="2" fillId="2" borderId="14" xfId="0" applyNumberFormat="1" applyFont="1" applyFill="1" applyBorder="1" applyAlignment="1">
      <alignment vertical="center"/>
    </xf>
    <xf numFmtId="0" fontId="2" fillId="2" borderId="16" xfId="0" applyNumberFormat="1" applyFont="1" applyFill="1" applyBorder="1">
      <alignment vertical="top" wrapText="1"/>
    </xf>
    <xf numFmtId="0" fontId="10" fillId="2" borderId="17" xfId="0" applyNumberFormat="1" applyFont="1" applyFill="1" applyBorder="1" applyAlignment="1">
      <alignment vertical="center"/>
    </xf>
    <xf numFmtId="0" fontId="2" fillId="2" borderId="0" xfId="0" applyNumberFormat="1" applyFont="1" applyFill="1">
      <alignment vertical="top" wrapText="1"/>
    </xf>
    <xf numFmtId="0" fontId="10" fillId="2" borderId="9" xfId="0" quotePrefix="1" applyNumberFormat="1" applyFont="1" applyFill="1" applyBorder="1" applyAlignment="1">
      <alignment vertical="center"/>
    </xf>
    <xf numFmtId="0" fontId="8" fillId="2" borderId="9" xfId="0" applyNumberFormat="1" applyFont="1" applyFill="1" applyBorder="1" applyAlignment="1">
      <alignment vertical="center"/>
    </xf>
    <xf numFmtId="0" fontId="14" fillId="2" borderId="9" xfId="0" applyNumberFormat="1" applyFont="1" applyFill="1" applyBorder="1" applyAlignment="1">
      <alignment vertical="center"/>
    </xf>
    <xf numFmtId="0" fontId="3" fillId="2" borderId="0" xfId="0" applyNumberFormat="1" applyFont="1" applyFill="1" applyAlignment="1">
      <alignment vertical="top" wrapText="1"/>
    </xf>
    <xf numFmtId="3" fontId="10" fillId="2" borderId="9" xfId="0" applyNumberFormat="1" applyFont="1" applyFill="1" applyBorder="1" applyAlignment="1">
      <alignment vertical="center" wrapText="1"/>
    </xf>
    <xf numFmtId="0" fontId="10" fillId="2" borderId="9" xfId="0" quotePrefix="1" applyNumberFormat="1" applyFont="1" applyFill="1" applyBorder="1" applyAlignment="1">
      <alignment vertical="center" wrapText="1"/>
    </xf>
    <xf numFmtId="0" fontId="10" fillId="2" borderId="0" xfId="0" applyFont="1" applyFill="1" applyAlignment="1" applyProtection="1">
      <alignment vertical="top" wrapText="1"/>
    </xf>
    <xf numFmtId="0" fontId="14" fillId="2" borderId="9" xfId="0" applyNumberFormat="1" applyFont="1" applyFill="1" applyBorder="1" applyAlignment="1">
      <alignment vertical="center" wrapText="1"/>
    </xf>
    <xf numFmtId="0" fontId="18" fillId="2" borderId="0" xfId="1" applyFont="1" applyFill="1" applyAlignment="1">
      <alignment vertical="center" wrapText="1"/>
    </xf>
    <xf numFmtId="0" fontId="18" fillId="2" borderId="9" xfId="1" applyFont="1" applyFill="1" applyBorder="1" applyAlignment="1">
      <alignment vertical="center" wrapText="1"/>
    </xf>
    <xf numFmtId="0" fontId="19" fillId="2" borderId="0" xfId="0" applyFont="1" applyFill="1" applyAlignment="1">
      <alignment vertical="center"/>
    </xf>
    <xf numFmtId="9" fontId="10" fillId="2" borderId="9" xfId="0" applyNumberFormat="1" applyFont="1" applyFill="1" applyBorder="1" applyAlignment="1">
      <alignment vertical="center"/>
    </xf>
    <xf numFmtId="49" fontId="10" fillId="2" borderId="9" xfId="0" quotePrefix="1" applyNumberFormat="1" applyFont="1" applyFill="1" applyBorder="1" applyAlignment="1">
      <alignment vertical="center"/>
    </xf>
    <xf numFmtId="0" fontId="20" fillId="2" borderId="0" xfId="0" applyFont="1" applyFill="1" applyAlignment="1">
      <alignment vertical="center" wrapText="1"/>
    </xf>
    <xf numFmtId="0" fontId="2" fillId="2" borderId="6" xfId="0" applyNumberFormat="1" applyFont="1" applyFill="1" applyBorder="1" applyAlignment="1">
      <alignment horizontal="left" vertical="top" wrapText="1"/>
    </xf>
    <xf numFmtId="0" fontId="2" fillId="2" borderId="9" xfId="0" applyNumberFormat="1" applyFont="1" applyFill="1" applyBorder="1" applyAlignment="1">
      <alignment horizontal="left" vertical="top" wrapText="1"/>
    </xf>
    <xf numFmtId="0" fontId="2" fillId="2" borderId="11" xfId="0" applyNumberFormat="1" applyFont="1" applyFill="1" applyBorder="1" applyAlignment="1">
      <alignment horizontal="left" vertical="top" wrapText="1"/>
    </xf>
    <xf numFmtId="0" fontId="2" fillId="2" borderId="12" xfId="0" applyNumberFormat="1" applyFont="1" applyFill="1" applyBorder="1" applyAlignment="1">
      <alignment horizontal="left" vertical="top" wrapText="1"/>
    </xf>
    <xf numFmtId="0" fontId="6" fillId="2" borderId="9" xfId="0" applyNumberFormat="1" applyFont="1" applyFill="1" applyBorder="1" applyAlignment="1">
      <alignment horizontal="left" vertical="top" wrapText="1"/>
    </xf>
    <xf numFmtId="0" fontId="2" fillId="2" borderId="15" xfId="0" applyNumberFormat="1" applyFont="1" applyFill="1" applyBorder="1" applyAlignment="1">
      <alignment horizontal="left" vertical="top" wrapText="1"/>
    </xf>
    <xf numFmtId="0" fontId="8" fillId="2" borderId="9" xfId="0" applyNumberFormat="1" applyFont="1" applyFill="1" applyBorder="1" applyAlignment="1">
      <alignment horizontal="left" vertical="top" wrapText="1"/>
    </xf>
    <xf numFmtId="49" fontId="9" fillId="2" borderId="4" xfId="0" applyNumberFormat="1" applyFont="1" applyFill="1" applyBorder="1" applyAlignment="1">
      <alignment horizontal="center" vertical="top" wrapText="1"/>
    </xf>
    <xf numFmtId="0" fontId="9" fillId="2" borderId="4" xfId="0" applyFont="1" applyFill="1" applyBorder="1" applyAlignment="1">
      <alignment vertical="top" wrapText="1"/>
    </xf>
    <xf numFmtId="49" fontId="3" fillId="2" borderId="1" xfId="0" applyNumberFormat="1" applyFont="1" applyFill="1" applyBorder="1" applyAlignment="1">
      <alignment horizontal="center" vertical="center"/>
    </xf>
    <xf numFmtId="0" fontId="3" fillId="2" borderId="2" xfId="0" applyFont="1" applyFill="1" applyBorder="1" applyAlignment="1">
      <alignment horizontal="center" vertical="center"/>
    </xf>
    <xf numFmtId="0" fontId="3" fillId="2" borderId="3" xfId="0" applyFont="1" applyFill="1" applyBorder="1" applyAlignment="1">
      <alignment horizontal="center" vertical="center"/>
    </xf>
    <xf numFmtId="49" fontId="9" fillId="3" borderId="4" xfId="0" applyNumberFormat="1" applyFont="1" applyFill="1" applyBorder="1" applyAlignment="1">
      <alignment horizontal="center" vertical="top" wrapText="1"/>
    </xf>
    <xf numFmtId="0" fontId="9" fillId="3" borderId="4" xfId="0" applyFont="1" applyFill="1" applyBorder="1" applyAlignment="1">
      <alignment vertical="top" wrapText="1"/>
    </xf>
    <xf numFmtId="0" fontId="1" fillId="3" borderId="0" xfId="0" applyFont="1" applyFill="1">
      <alignment vertical="top" wrapText="1"/>
    </xf>
    <xf numFmtId="0" fontId="2" fillId="3" borderId="6" xfId="0" applyNumberFormat="1" applyFont="1" applyFill="1" applyBorder="1" applyAlignment="1">
      <alignment vertical="center"/>
    </xf>
    <xf numFmtId="0" fontId="1" fillId="3" borderId="7" xfId="0" applyFont="1" applyFill="1" applyBorder="1">
      <alignment vertical="top" wrapText="1"/>
    </xf>
    <xf numFmtId="49" fontId="3" fillId="3" borderId="5" xfId="0" applyNumberFormat="1" applyFont="1" applyFill="1" applyBorder="1">
      <alignment vertical="top" wrapText="1"/>
    </xf>
    <xf numFmtId="0" fontId="3" fillId="3" borderId="0" xfId="0" applyNumberFormat="1" applyFont="1" applyFill="1">
      <alignment vertical="top" wrapText="1"/>
    </xf>
    <xf numFmtId="0" fontId="2" fillId="3" borderId="6" xfId="0" applyNumberFormat="1" applyFont="1" applyFill="1" applyBorder="1" applyAlignment="1">
      <alignment vertical="center" wrapText="1"/>
    </xf>
    <xf numFmtId="0" fontId="2" fillId="3" borderId="9" xfId="0" applyNumberFormat="1" applyFont="1" applyFill="1" applyBorder="1" applyAlignment="1">
      <alignment vertical="center"/>
    </xf>
    <xf numFmtId="0" fontId="2" fillId="3" borderId="11" xfId="0" applyNumberFormat="1" applyFont="1" applyFill="1" applyBorder="1" applyAlignment="1">
      <alignment vertical="center"/>
    </xf>
    <xf numFmtId="0" fontId="2" fillId="3" borderId="12" xfId="0" applyNumberFormat="1" applyFont="1" applyFill="1" applyBorder="1" applyAlignment="1">
      <alignment vertical="center"/>
    </xf>
    <xf numFmtId="0" fontId="4" fillId="3" borderId="0" xfId="0" applyFont="1" applyFill="1">
      <alignment vertical="top" wrapText="1"/>
    </xf>
    <xf numFmtId="0" fontId="5" fillId="3" borderId="0" xfId="0" applyFont="1" applyFill="1">
      <alignment vertical="top" wrapText="1"/>
    </xf>
    <xf numFmtId="0" fontId="6" fillId="3" borderId="9" xfId="0" applyNumberFormat="1" applyFont="1" applyFill="1" applyBorder="1" applyAlignment="1">
      <alignment vertical="center"/>
    </xf>
    <xf numFmtId="0" fontId="2" fillId="3" borderId="9" xfId="0" applyNumberFormat="1" applyFont="1" applyFill="1" applyBorder="1" applyAlignment="1"/>
    <xf numFmtId="0" fontId="4" fillId="3" borderId="0" xfId="0" applyFont="1" applyFill="1" applyProtection="1">
      <alignment vertical="top" wrapText="1"/>
    </xf>
    <xf numFmtId="0" fontId="7" fillId="3" borderId="0" xfId="0" applyFont="1" applyFill="1" applyProtection="1">
      <alignment vertical="top" wrapText="1"/>
    </xf>
    <xf numFmtId="0" fontId="8" fillId="3" borderId="9" xfId="0" applyNumberFormat="1" applyFont="1" applyFill="1" applyBorder="1" applyAlignment="1">
      <alignment vertical="center"/>
    </xf>
    <xf numFmtId="0" fontId="2" fillId="3" borderId="18" xfId="0" applyNumberFormat="1" applyFont="1" applyFill="1" applyBorder="1" applyAlignment="1">
      <alignment vertical="center"/>
    </xf>
    <xf numFmtId="0" fontId="4" fillId="3" borderId="0" xfId="0" applyNumberFormat="1" applyFont="1" applyFill="1" applyProtection="1">
      <alignment vertical="top" wrapText="1"/>
    </xf>
    <xf numFmtId="0" fontId="2" fillId="3" borderId="17" xfId="0" applyNumberFormat="1" applyFont="1" applyFill="1" applyBorder="1" applyAlignment="1">
      <alignment vertical="center"/>
    </xf>
    <xf numFmtId="0" fontId="2" fillId="3" borderId="9" xfId="0" quotePrefix="1" applyNumberFormat="1" applyFont="1" applyFill="1" applyBorder="1" applyAlignment="1">
      <alignment vertical="center"/>
    </xf>
    <xf numFmtId="0" fontId="3" fillId="3" borderId="0" xfId="0" applyNumberFormat="1" applyFont="1" applyFill="1" applyAlignment="1">
      <alignment vertical="top" wrapText="1"/>
    </xf>
  </cellXfs>
  <cellStyles count="2">
    <cellStyle name="Hyperlink" xfId="1" builtinId="8"/>
    <cellStyle name="Normal" xfId="0" builtinId="0"/>
  </cellStyles>
  <dxfs count="0"/>
  <tableStyles count="0"/>
  <colors>
    <indexedColors>
      <rgbColor rgb="FF000000"/>
      <rgbColor rgb="FFFFFFFF"/>
      <rgbColor rgb="FFFF0000"/>
      <rgbColor rgb="FF00FF00"/>
      <rgbColor rgb="FF0000FF"/>
      <rgbColor rgb="FFFFFF00"/>
      <rgbColor rgb="FFFF00FF"/>
      <rgbColor rgb="FF00FFFF"/>
      <rgbColor rgb="FF000000"/>
      <rgbColor rgb="FFFFFFFF"/>
      <rgbColor rgb="FFAAAAAA"/>
      <rgbColor rgb="FF515151"/>
      <rgbColor rgb="FFBDC0BF"/>
      <rgbColor rgb="FFA5A5A5"/>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Blank">
  <a:themeElements>
    <a:clrScheme name="Blank">
      <a:dk1>
        <a:srgbClr val="000000"/>
      </a:dk1>
      <a:lt1>
        <a:srgbClr val="FFFFFF"/>
      </a:lt1>
      <a:dk2>
        <a:srgbClr val="A7A7A7"/>
      </a:dk2>
      <a:lt2>
        <a:srgbClr val="535353"/>
      </a:lt2>
      <a:accent1>
        <a:srgbClr val="00A2FF"/>
      </a:accent1>
      <a:accent2>
        <a:srgbClr val="16E7CF"/>
      </a:accent2>
      <a:accent3>
        <a:srgbClr val="61D836"/>
      </a:accent3>
      <a:accent4>
        <a:srgbClr val="FAE232"/>
      </a:accent4>
      <a:accent5>
        <a:srgbClr val="FF644E"/>
      </a:accent5>
      <a:accent6>
        <a:srgbClr val="EF5FA7"/>
      </a:accent6>
      <a:hlink>
        <a:srgbClr val="0000FF"/>
      </a:hlink>
      <a:folHlink>
        <a:srgbClr val="FF00FF"/>
      </a:folHlink>
    </a:clrScheme>
    <a:fontScheme name="Blank">
      <a:majorFont>
        <a:latin typeface="Helvetica Neue"/>
        <a:ea typeface="Helvetica Neue"/>
        <a:cs typeface="Helvetica Neue"/>
      </a:majorFont>
      <a:minorFont>
        <a:latin typeface="Helvetica Neue"/>
        <a:ea typeface="Helvetica Neue"/>
        <a:cs typeface="Helvetica Neue"/>
      </a:minorFont>
    </a:fontScheme>
    <a:fmtScheme name="Blank">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sp3d/>
      </a:spPr>
      <a:bodyPr rot="0" spcFirstLastPara="1" vertOverflow="overflow" horzOverflow="overflow" vert="horz" wrap="square" lIns="50800" tIns="50800" rIns="50800" bIns="50800"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chemeClr val="accent1"/>
          </a:solidFill>
          <a:prstDash val="solid"/>
          <a:round/>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50800" tIns="50800" rIns="50800" bIns="50800"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W544"/>
  <sheetViews>
    <sheetView showGridLines="0" tabSelected="1" topLeftCell="A142" zoomScale="40" zoomScaleNormal="40" workbookViewId="0">
      <selection activeCell="F150" sqref="F150"/>
    </sheetView>
  </sheetViews>
  <sheetFormatPr defaultColWidth="16.36328125" defaultRowHeight="19.899999999999999" customHeight="1"/>
  <cols>
    <col min="1" max="5" width="1.7265625" style="81" customWidth="1"/>
    <col min="6" max="6" width="255.6328125" style="36" bestFit="1" customWidth="1"/>
    <col min="7" max="11" width="3.1796875" style="36" customWidth="1"/>
    <col min="12" max="20" width="3.36328125" style="36" customWidth="1"/>
    <col min="21" max="21" width="6.08984375" style="36" bestFit="1" customWidth="1"/>
    <col min="22" max="23" width="4.54296875" style="36" customWidth="1"/>
    <col min="24" max="24" width="16.36328125" style="36" customWidth="1"/>
    <col min="25" max="16384" width="16.36328125" style="36"/>
  </cols>
  <sheetData>
    <row r="1" spans="1:23" ht="30.15" customHeight="1">
      <c r="A1" s="56" t="s">
        <v>0</v>
      </c>
      <c r="B1" s="57"/>
      <c r="C1" s="57"/>
      <c r="D1" s="57"/>
      <c r="E1" s="57"/>
      <c r="F1" s="57"/>
      <c r="G1" s="57"/>
      <c r="H1" s="57"/>
      <c r="I1" s="57"/>
      <c r="J1" s="57"/>
      <c r="K1" s="57"/>
      <c r="L1" s="57"/>
      <c r="M1" s="57"/>
      <c r="N1" s="57"/>
      <c r="O1" s="57"/>
      <c r="P1" s="57"/>
      <c r="Q1" s="57"/>
      <c r="R1" s="57"/>
      <c r="S1" s="57"/>
      <c r="T1" s="57"/>
      <c r="U1" s="57"/>
      <c r="V1" s="57"/>
      <c r="W1" s="58"/>
    </row>
    <row r="2" spans="1:23" ht="22.25" customHeight="1">
      <c r="A2" s="59" t="s">
        <v>1</v>
      </c>
      <c r="B2" s="59" t="s">
        <v>2</v>
      </c>
      <c r="C2" s="59" t="s">
        <v>3</v>
      </c>
      <c r="D2" s="59" t="s">
        <v>4</v>
      </c>
      <c r="E2" s="59" t="s">
        <v>5</v>
      </c>
      <c r="F2" s="54" t="s">
        <v>6</v>
      </c>
      <c r="G2" s="54" t="s">
        <v>7</v>
      </c>
      <c r="H2" s="54" t="s">
        <v>8</v>
      </c>
      <c r="I2" s="55"/>
      <c r="J2" s="55"/>
      <c r="K2" s="54" t="s">
        <v>9</v>
      </c>
      <c r="L2" s="55"/>
      <c r="M2" s="55"/>
      <c r="N2" s="54" t="s">
        <v>10</v>
      </c>
      <c r="O2" s="54" t="s">
        <v>11</v>
      </c>
      <c r="P2" s="54" t="s">
        <v>12</v>
      </c>
      <c r="Q2" s="54" t="s">
        <v>13</v>
      </c>
      <c r="R2" s="54" t="s">
        <v>14</v>
      </c>
      <c r="S2" s="54" t="s">
        <v>15</v>
      </c>
      <c r="T2" s="55"/>
      <c r="U2" s="55"/>
      <c r="V2" s="54" t="s">
        <v>16</v>
      </c>
      <c r="W2" s="54" t="s">
        <v>17</v>
      </c>
    </row>
    <row r="3" spans="1:23" ht="22.25" customHeight="1">
      <c r="A3" s="60"/>
      <c r="B3" s="60"/>
      <c r="C3" s="60"/>
      <c r="D3" s="60"/>
      <c r="E3" s="60"/>
      <c r="F3" s="55"/>
      <c r="G3" s="55"/>
      <c r="H3" s="1" t="s">
        <v>18</v>
      </c>
      <c r="I3" s="1" t="s">
        <v>19</v>
      </c>
      <c r="J3" s="1" t="s">
        <v>20</v>
      </c>
      <c r="K3" s="1" t="s">
        <v>21</v>
      </c>
      <c r="L3" s="1" t="s">
        <v>22</v>
      </c>
      <c r="M3" s="1" t="s">
        <v>23</v>
      </c>
      <c r="N3" s="55"/>
      <c r="O3" s="55"/>
      <c r="P3" s="55"/>
      <c r="Q3" s="55"/>
      <c r="R3" s="55"/>
      <c r="S3" s="1" t="s">
        <v>24</v>
      </c>
      <c r="T3" s="1" t="s">
        <v>25</v>
      </c>
      <c r="U3" s="1" t="s">
        <v>26</v>
      </c>
      <c r="V3" s="55"/>
      <c r="W3" s="55"/>
    </row>
    <row r="4" spans="1:23" s="11" customFormat="1" ht="15.5">
      <c r="A4" s="61">
        <v>330330004</v>
      </c>
      <c r="B4" s="62"/>
      <c r="C4" s="63" t="s">
        <v>31</v>
      </c>
      <c r="D4" s="64" t="s">
        <v>124</v>
      </c>
      <c r="E4" s="62" t="s">
        <v>27</v>
      </c>
      <c r="F4" s="47" t="s">
        <v>1762</v>
      </c>
      <c r="G4" s="2" t="s">
        <v>28</v>
      </c>
      <c r="H4" s="4"/>
      <c r="I4" s="4"/>
      <c r="J4" s="4" t="s">
        <v>118</v>
      </c>
      <c r="K4" s="5" t="s">
        <v>32</v>
      </c>
      <c r="L4" s="5" t="s">
        <v>33</v>
      </c>
      <c r="M4" s="5" t="s">
        <v>34</v>
      </c>
      <c r="N4" s="4" t="s">
        <v>29</v>
      </c>
      <c r="O4" s="4" t="s">
        <v>121</v>
      </c>
      <c r="P4" s="8">
        <v>30</v>
      </c>
      <c r="Q4" s="4">
        <v>60</v>
      </c>
      <c r="R4" s="4" t="s">
        <v>35</v>
      </c>
      <c r="S4" s="4"/>
      <c r="T4" s="4" t="s">
        <v>30</v>
      </c>
      <c r="U4" s="4"/>
      <c r="V4" s="3" t="s">
        <v>36</v>
      </c>
      <c r="W4" s="6" t="s">
        <v>37</v>
      </c>
    </row>
    <row r="5" spans="1:23" s="11" customFormat="1" ht="15.5">
      <c r="A5" s="61">
        <v>330330005</v>
      </c>
      <c r="B5" s="62"/>
      <c r="C5" s="63" t="s">
        <v>38</v>
      </c>
      <c r="D5" s="64" t="s">
        <v>124</v>
      </c>
      <c r="E5" s="62" t="s">
        <v>27</v>
      </c>
      <c r="F5" s="47" t="s">
        <v>1762</v>
      </c>
      <c r="G5" s="2" t="s">
        <v>39</v>
      </c>
      <c r="H5" s="4"/>
      <c r="I5" s="4"/>
      <c r="J5" s="4" t="s">
        <v>118</v>
      </c>
      <c r="K5" s="6" t="s">
        <v>32</v>
      </c>
      <c r="L5" s="6" t="s">
        <v>33</v>
      </c>
      <c r="M5" s="6" t="s">
        <v>34</v>
      </c>
      <c r="N5" s="7" t="s">
        <v>40</v>
      </c>
      <c r="O5" s="4" t="s">
        <v>121</v>
      </c>
      <c r="P5" s="8">
        <v>60</v>
      </c>
      <c r="Q5" s="4">
        <v>100</v>
      </c>
      <c r="R5" s="4" t="s">
        <v>35</v>
      </c>
      <c r="S5" s="4"/>
      <c r="T5" s="4" t="s">
        <v>30</v>
      </c>
      <c r="U5" s="4"/>
      <c r="V5" s="3" t="s">
        <v>36</v>
      </c>
      <c r="W5" s="5" t="s">
        <v>37</v>
      </c>
    </row>
    <row r="6" spans="1:23" s="11" customFormat="1" ht="155">
      <c r="A6" s="61">
        <v>335310015</v>
      </c>
      <c r="B6" s="62" t="s">
        <v>41</v>
      </c>
      <c r="C6" s="63" t="s">
        <v>42</v>
      </c>
      <c r="D6" s="64" t="s">
        <v>125</v>
      </c>
      <c r="E6" s="62" t="s">
        <v>43</v>
      </c>
      <c r="F6" s="47" t="s">
        <v>1763</v>
      </c>
      <c r="G6" s="2" t="s">
        <v>44</v>
      </c>
      <c r="H6" s="4"/>
      <c r="I6" s="4"/>
      <c r="J6" s="4" t="s">
        <v>45</v>
      </c>
      <c r="K6" s="5" t="s">
        <v>46</v>
      </c>
      <c r="L6" s="5" t="s">
        <v>47</v>
      </c>
      <c r="M6" s="5"/>
      <c r="N6" s="4" t="s">
        <v>48</v>
      </c>
      <c r="O6" s="4" t="s">
        <v>49</v>
      </c>
      <c r="P6" s="8">
        <v>90</v>
      </c>
      <c r="Q6" s="4">
        <v>139</v>
      </c>
      <c r="R6" s="4" t="s">
        <v>35</v>
      </c>
      <c r="S6" s="4"/>
      <c r="T6" s="4" t="s">
        <v>50</v>
      </c>
      <c r="U6" s="4"/>
      <c r="V6" s="3" t="s">
        <v>36</v>
      </c>
      <c r="W6" s="4" t="s">
        <v>51</v>
      </c>
    </row>
    <row r="7" spans="1:23" s="11" customFormat="1" ht="155">
      <c r="A7" s="61">
        <v>335310022</v>
      </c>
      <c r="B7" s="62" t="s">
        <v>41</v>
      </c>
      <c r="C7" s="63" t="s">
        <v>52</v>
      </c>
      <c r="D7" s="64" t="s">
        <v>125</v>
      </c>
      <c r="E7" s="62" t="s">
        <v>53</v>
      </c>
      <c r="F7" s="47" t="s">
        <v>1764</v>
      </c>
      <c r="G7" s="2" t="s">
        <v>54</v>
      </c>
      <c r="H7" s="4"/>
      <c r="I7" s="4"/>
      <c r="J7" s="4" t="s">
        <v>45</v>
      </c>
      <c r="K7" s="4" t="s">
        <v>46</v>
      </c>
      <c r="L7" s="4" t="s">
        <v>47</v>
      </c>
      <c r="M7" s="4"/>
      <c r="N7" s="4" t="s">
        <v>48</v>
      </c>
      <c r="O7" s="4" t="s">
        <v>49</v>
      </c>
      <c r="P7" s="8">
        <v>119</v>
      </c>
      <c r="Q7" s="4">
        <v>159</v>
      </c>
      <c r="R7" s="4" t="s">
        <v>35</v>
      </c>
      <c r="S7" s="4"/>
      <c r="T7" s="4" t="s">
        <v>50</v>
      </c>
      <c r="U7" s="4"/>
      <c r="V7" s="3" t="s">
        <v>36</v>
      </c>
      <c r="W7" s="4" t="s">
        <v>51</v>
      </c>
    </row>
    <row r="8" spans="1:23" s="11" customFormat="1" ht="15.5">
      <c r="A8" s="61">
        <v>894340037</v>
      </c>
      <c r="B8" s="62"/>
      <c r="C8" s="63" t="s">
        <v>55</v>
      </c>
      <c r="D8" s="64" t="s">
        <v>126</v>
      </c>
      <c r="E8" s="62" t="s">
        <v>53</v>
      </c>
      <c r="F8" s="47" t="s">
        <v>56</v>
      </c>
      <c r="G8" s="2" t="s">
        <v>57</v>
      </c>
      <c r="H8" s="4"/>
      <c r="I8" s="4"/>
      <c r="J8" s="4" t="s">
        <v>58</v>
      </c>
      <c r="K8" s="4" t="s">
        <v>59</v>
      </c>
      <c r="L8" s="4"/>
      <c r="M8" s="4"/>
      <c r="N8" s="4" t="s">
        <v>60</v>
      </c>
      <c r="O8" s="4" t="s">
        <v>61</v>
      </c>
      <c r="P8" s="8">
        <v>80</v>
      </c>
      <c r="Q8" s="4">
        <v>120</v>
      </c>
      <c r="R8" s="4" t="s">
        <v>35</v>
      </c>
      <c r="S8" s="4"/>
      <c r="T8" s="4" t="s">
        <v>30</v>
      </c>
      <c r="U8" s="4"/>
      <c r="V8" s="3" t="s">
        <v>36</v>
      </c>
      <c r="W8" s="6" t="s">
        <v>718</v>
      </c>
    </row>
    <row r="9" spans="1:23" s="11" customFormat="1" ht="31">
      <c r="A9" s="61">
        <v>894310044</v>
      </c>
      <c r="B9" s="62" t="s">
        <v>62</v>
      </c>
      <c r="C9" s="63" t="s">
        <v>63</v>
      </c>
      <c r="D9" s="64" t="s">
        <v>125</v>
      </c>
      <c r="E9" s="62" t="s">
        <v>64</v>
      </c>
      <c r="F9" s="47" t="s">
        <v>65</v>
      </c>
      <c r="G9" s="2" t="s">
        <v>117</v>
      </c>
      <c r="H9" s="4"/>
      <c r="I9" s="4" t="s">
        <v>66</v>
      </c>
      <c r="J9" s="4" t="s">
        <v>67</v>
      </c>
      <c r="K9" s="4" t="s">
        <v>68</v>
      </c>
      <c r="L9" s="4" t="s">
        <v>69</v>
      </c>
      <c r="M9" s="4"/>
      <c r="N9" s="8" t="s">
        <v>70</v>
      </c>
      <c r="O9" s="9" t="s">
        <v>122</v>
      </c>
      <c r="P9" s="8">
        <v>90</v>
      </c>
      <c r="Q9" s="4">
        <v>125</v>
      </c>
      <c r="R9" s="4" t="s">
        <v>35</v>
      </c>
      <c r="S9" s="4"/>
      <c r="T9" s="4" t="s">
        <v>71</v>
      </c>
      <c r="U9" s="10" t="s">
        <v>72</v>
      </c>
      <c r="V9" s="3" t="s">
        <v>36</v>
      </c>
      <c r="W9" s="4" t="s">
        <v>73</v>
      </c>
    </row>
    <row r="10" spans="1:23" s="11" customFormat="1" ht="31">
      <c r="A10" s="61">
        <v>894310045</v>
      </c>
      <c r="B10" s="62" t="s">
        <v>62</v>
      </c>
      <c r="C10" s="63" t="s">
        <v>74</v>
      </c>
      <c r="D10" s="64" t="s">
        <v>125</v>
      </c>
      <c r="E10" s="62" t="s">
        <v>75</v>
      </c>
      <c r="F10" s="47" t="s">
        <v>1765</v>
      </c>
      <c r="G10" s="2" t="s">
        <v>116</v>
      </c>
      <c r="H10" s="4"/>
      <c r="I10" s="4" t="s">
        <v>66</v>
      </c>
      <c r="J10" s="4" t="s">
        <v>67</v>
      </c>
      <c r="K10" s="4" t="s">
        <v>68</v>
      </c>
      <c r="L10" s="4" t="s">
        <v>69</v>
      </c>
      <c r="M10" s="4"/>
      <c r="N10" s="8" t="s">
        <v>70</v>
      </c>
      <c r="O10" s="9" t="s">
        <v>122</v>
      </c>
      <c r="P10" s="8">
        <v>28</v>
      </c>
      <c r="Q10" s="4">
        <v>39</v>
      </c>
      <c r="R10" s="4" t="s">
        <v>35</v>
      </c>
      <c r="S10" s="4"/>
      <c r="T10" s="4" t="s">
        <v>71</v>
      </c>
      <c r="U10" s="10" t="s">
        <v>72</v>
      </c>
      <c r="V10" s="3" t="s">
        <v>36</v>
      </c>
      <c r="W10" s="4" t="s">
        <v>73</v>
      </c>
    </row>
    <row r="11" spans="1:23" s="11" customFormat="1" ht="31">
      <c r="A11" s="61">
        <v>894310046</v>
      </c>
      <c r="B11" s="62" t="s">
        <v>62</v>
      </c>
      <c r="C11" s="63" t="s">
        <v>76</v>
      </c>
      <c r="D11" s="64" t="s">
        <v>125</v>
      </c>
      <c r="E11" s="62" t="s">
        <v>75</v>
      </c>
      <c r="F11" s="47" t="s">
        <v>1765</v>
      </c>
      <c r="G11" s="2" t="s">
        <v>77</v>
      </c>
      <c r="H11" s="4"/>
      <c r="I11" s="4" t="s">
        <v>66</v>
      </c>
      <c r="J11" s="4" t="s">
        <v>67</v>
      </c>
      <c r="K11" s="4" t="s">
        <v>68</v>
      </c>
      <c r="L11" s="4" t="s">
        <v>69</v>
      </c>
      <c r="M11" s="4"/>
      <c r="N11" s="8" t="s">
        <v>78</v>
      </c>
      <c r="O11" s="9" t="s">
        <v>122</v>
      </c>
      <c r="P11" s="8">
        <v>28</v>
      </c>
      <c r="Q11" s="4">
        <v>39</v>
      </c>
      <c r="R11" s="4" t="s">
        <v>35</v>
      </c>
      <c r="S11" s="4"/>
      <c r="T11" s="4" t="s">
        <v>71</v>
      </c>
      <c r="U11" s="10" t="s">
        <v>72</v>
      </c>
      <c r="V11" s="3" t="s">
        <v>36</v>
      </c>
      <c r="W11" s="4" t="s">
        <v>73</v>
      </c>
    </row>
    <row r="12" spans="1:23" s="11" customFormat="1" ht="15.5">
      <c r="A12" s="61">
        <v>438330015</v>
      </c>
      <c r="B12" s="62" t="s">
        <v>79</v>
      </c>
      <c r="C12" s="63" t="s">
        <v>80</v>
      </c>
      <c r="D12" s="64" t="s">
        <v>124</v>
      </c>
      <c r="E12" s="62" t="s">
        <v>81</v>
      </c>
      <c r="F12" s="47" t="s">
        <v>1766</v>
      </c>
      <c r="G12" s="2" t="s">
        <v>82</v>
      </c>
      <c r="H12" s="4"/>
      <c r="I12" s="4"/>
      <c r="J12" s="4" t="s">
        <v>118</v>
      </c>
      <c r="K12" s="4" t="s">
        <v>68</v>
      </c>
      <c r="L12" s="4" t="s">
        <v>69</v>
      </c>
      <c r="M12" s="4"/>
      <c r="N12" s="4" t="s">
        <v>60</v>
      </c>
      <c r="O12" s="4" t="s">
        <v>123</v>
      </c>
      <c r="P12" s="8">
        <v>280</v>
      </c>
      <c r="Q12" s="4">
        <v>450</v>
      </c>
      <c r="R12" s="4" t="s">
        <v>83</v>
      </c>
      <c r="S12" s="4"/>
      <c r="T12" s="4" t="s">
        <v>30</v>
      </c>
      <c r="U12" s="10" t="s">
        <v>72</v>
      </c>
      <c r="V12" s="3" t="s">
        <v>36</v>
      </c>
      <c r="W12" s="4" t="s">
        <v>84</v>
      </c>
    </row>
    <row r="13" spans="1:23" s="11" customFormat="1" ht="15.5">
      <c r="A13" s="61">
        <v>619140031</v>
      </c>
      <c r="B13" s="62"/>
      <c r="C13" s="63" t="s">
        <v>85</v>
      </c>
      <c r="D13" s="64" t="s">
        <v>126</v>
      </c>
      <c r="E13" s="62" t="s">
        <v>86</v>
      </c>
      <c r="F13" s="47" t="s">
        <v>1767</v>
      </c>
      <c r="G13" s="2" t="s">
        <v>87</v>
      </c>
      <c r="H13" s="4"/>
      <c r="I13" s="4"/>
      <c r="J13" s="4" t="s">
        <v>119</v>
      </c>
      <c r="K13" s="4" t="s">
        <v>88</v>
      </c>
      <c r="L13" s="4" t="s">
        <v>89</v>
      </c>
      <c r="M13" s="4" t="s">
        <v>90</v>
      </c>
      <c r="N13" s="4" t="s">
        <v>91</v>
      </c>
      <c r="O13" s="4" t="s">
        <v>92</v>
      </c>
      <c r="P13" s="8">
        <v>180</v>
      </c>
      <c r="Q13" s="4">
        <v>250</v>
      </c>
      <c r="R13" s="4" t="s">
        <v>83</v>
      </c>
      <c r="S13" s="4"/>
      <c r="T13" s="4" t="s">
        <v>30</v>
      </c>
      <c r="U13" s="4"/>
      <c r="V13" s="3" t="s">
        <v>36</v>
      </c>
      <c r="W13" s="4" t="s">
        <v>93</v>
      </c>
    </row>
    <row r="14" spans="1:23" s="11" customFormat="1" ht="15.5">
      <c r="A14" s="61">
        <v>619310030</v>
      </c>
      <c r="B14" s="62"/>
      <c r="C14" s="63" t="s">
        <v>94</v>
      </c>
      <c r="D14" s="64" t="s">
        <v>125</v>
      </c>
      <c r="E14" s="62" t="s">
        <v>43</v>
      </c>
      <c r="F14" s="47" t="s">
        <v>1768</v>
      </c>
      <c r="G14" s="2" t="s">
        <v>95</v>
      </c>
      <c r="H14" s="4"/>
      <c r="I14" s="4"/>
      <c r="J14" s="4" t="s">
        <v>45</v>
      </c>
      <c r="K14" s="4" t="s">
        <v>120</v>
      </c>
      <c r="L14" s="4"/>
      <c r="M14" s="4"/>
      <c r="N14" s="4" t="s">
        <v>91</v>
      </c>
      <c r="O14" s="4" t="s">
        <v>92</v>
      </c>
      <c r="P14" s="8">
        <v>45</v>
      </c>
      <c r="Q14" s="4">
        <v>60</v>
      </c>
      <c r="R14" s="4" t="s">
        <v>83</v>
      </c>
      <c r="S14" s="4"/>
      <c r="T14" s="4" t="s">
        <v>30</v>
      </c>
      <c r="U14" s="4"/>
      <c r="V14" s="3" t="s">
        <v>36</v>
      </c>
      <c r="W14" s="4" t="s">
        <v>93</v>
      </c>
    </row>
    <row r="15" spans="1:23" s="11" customFormat="1" ht="108.5">
      <c r="A15" s="61">
        <v>773310019</v>
      </c>
      <c r="B15" s="62" t="s">
        <v>96</v>
      </c>
      <c r="C15" s="63" t="s">
        <v>97</v>
      </c>
      <c r="D15" s="64" t="s">
        <v>125</v>
      </c>
      <c r="E15" s="62" t="s">
        <v>53</v>
      </c>
      <c r="F15" s="47" t="s">
        <v>98</v>
      </c>
      <c r="G15" s="2" t="s">
        <v>115</v>
      </c>
      <c r="H15" s="4"/>
      <c r="I15" s="4"/>
      <c r="J15" s="4" t="s">
        <v>99</v>
      </c>
      <c r="K15" s="4" t="s">
        <v>100</v>
      </c>
      <c r="L15" s="4"/>
      <c r="M15" s="4"/>
      <c r="N15" s="4" t="s">
        <v>48</v>
      </c>
      <c r="O15" s="4" t="s">
        <v>92</v>
      </c>
      <c r="P15" s="8">
        <v>115</v>
      </c>
      <c r="Q15" s="4">
        <v>165</v>
      </c>
      <c r="R15" s="4" t="s">
        <v>35</v>
      </c>
      <c r="S15" s="4"/>
      <c r="T15" s="4" t="s">
        <v>50</v>
      </c>
      <c r="U15" s="4"/>
      <c r="V15" s="3" t="s">
        <v>36</v>
      </c>
      <c r="W15" s="4" t="s">
        <v>101</v>
      </c>
    </row>
    <row r="16" spans="1:23" s="11" customFormat="1" ht="31">
      <c r="A16" s="61">
        <v>773310012</v>
      </c>
      <c r="B16" s="62" t="s">
        <v>96</v>
      </c>
      <c r="C16" s="63" t="s">
        <v>102</v>
      </c>
      <c r="D16" s="64" t="s">
        <v>125</v>
      </c>
      <c r="E16" s="62" t="s">
        <v>53</v>
      </c>
      <c r="F16" s="47" t="s">
        <v>1769</v>
      </c>
      <c r="G16" s="2" t="s">
        <v>104</v>
      </c>
      <c r="H16" s="4"/>
      <c r="I16" s="4"/>
      <c r="J16" s="4" t="s">
        <v>99</v>
      </c>
      <c r="K16" s="4" t="s">
        <v>100</v>
      </c>
      <c r="L16" s="4"/>
      <c r="M16" s="4"/>
      <c r="N16" s="4" t="s">
        <v>48</v>
      </c>
      <c r="O16" s="4" t="s">
        <v>92</v>
      </c>
      <c r="P16" s="8">
        <v>55</v>
      </c>
      <c r="Q16" s="4">
        <v>60</v>
      </c>
      <c r="R16" s="4" t="s">
        <v>35</v>
      </c>
      <c r="S16" s="4"/>
      <c r="T16" s="4" t="s">
        <v>50</v>
      </c>
      <c r="U16" s="4"/>
      <c r="V16" s="3" t="s">
        <v>36</v>
      </c>
      <c r="W16" s="4" t="s">
        <v>101</v>
      </c>
    </row>
    <row r="17" spans="1:23" s="11" customFormat="1" ht="46.5">
      <c r="A17" s="61">
        <v>773310020</v>
      </c>
      <c r="B17" s="62" t="s">
        <v>96</v>
      </c>
      <c r="C17" s="63" t="s">
        <v>105</v>
      </c>
      <c r="D17" s="64" t="s">
        <v>125</v>
      </c>
      <c r="E17" s="62" t="s">
        <v>53</v>
      </c>
      <c r="F17" s="47" t="s">
        <v>103</v>
      </c>
      <c r="G17" s="2" t="s">
        <v>106</v>
      </c>
      <c r="H17" s="4"/>
      <c r="I17" s="4"/>
      <c r="J17" s="4" t="s">
        <v>99</v>
      </c>
      <c r="K17" s="4" t="s">
        <v>100</v>
      </c>
      <c r="L17" s="4"/>
      <c r="M17" s="4"/>
      <c r="N17" s="4" t="s">
        <v>48</v>
      </c>
      <c r="O17" s="4" t="s">
        <v>92</v>
      </c>
      <c r="P17" s="8">
        <v>150</v>
      </c>
      <c r="Q17" s="4">
        <v>205</v>
      </c>
      <c r="R17" s="4" t="s">
        <v>35</v>
      </c>
      <c r="S17" s="4"/>
      <c r="T17" s="4" t="s">
        <v>50</v>
      </c>
      <c r="U17" s="4"/>
      <c r="V17" s="3" t="s">
        <v>36</v>
      </c>
      <c r="W17" s="4" t="s">
        <v>101</v>
      </c>
    </row>
    <row r="18" spans="1:23" s="11" customFormat="1" ht="62">
      <c r="A18" s="61">
        <v>773310021</v>
      </c>
      <c r="B18" s="62" t="s">
        <v>96</v>
      </c>
      <c r="C18" s="63" t="s">
        <v>107</v>
      </c>
      <c r="D18" s="64" t="s">
        <v>125</v>
      </c>
      <c r="E18" s="62" t="s">
        <v>75</v>
      </c>
      <c r="F18" s="47" t="s">
        <v>1770</v>
      </c>
      <c r="G18" s="2" t="s">
        <v>108</v>
      </c>
      <c r="H18" s="4"/>
      <c r="I18" s="4"/>
      <c r="J18" s="4" t="s">
        <v>99</v>
      </c>
      <c r="K18" s="4" t="s">
        <v>100</v>
      </c>
      <c r="L18" s="4"/>
      <c r="M18" s="4"/>
      <c r="N18" s="4" t="s">
        <v>48</v>
      </c>
      <c r="O18" s="4" t="s">
        <v>92</v>
      </c>
      <c r="P18" s="8">
        <v>25</v>
      </c>
      <c r="Q18" s="4">
        <v>45</v>
      </c>
      <c r="R18" s="4" t="s">
        <v>35</v>
      </c>
      <c r="S18" s="4"/>
      <c r="T18" s="4" t="s">
        <v>50</v>
      </c>
      <c r="U18" s="4"/>
      <c r="V18" s="3" t="s">
        <v>36</v>
      </c>
      <c r="W18" s="4" t="s">
        <v>101</v>
      </c>
    </row>
    <row r="19" spans="1:23" s="11" customFormat="1" ht="409.5">
      <c r="A19" s="61">
        <v>773310018</v>
      </c>
      <c r="B19" s="62" t="s">
        <v>109</v>
      </c>
      <c r="C19" s="63" t="s">
        <v>110</v>
      </c>
      <c r="D19" s="64" t="s">
        <v>125</v>
      </c>
      <c r="E19" s="62" t="s">
        <v>75</v>
      </c>
      <c r="F19" s="47" t="s">
        <v>1774</v>
      </c>
      <c r="G19" s="2" t="s">
        <v>111</v>
      </c>
      <c r="H19" s="4"/>
      <c r="I19" s="4"/>
      <c r="J19" s="4" t="s">
        <v>99</v>
      </c>
      <c r="K19" s="4" t="s">
        <v>68</v>
      </c>
      <c r="L19" s="4"/>
      <c r="M19" s="4"/>
      <c r="N19" s="4" t="s">
        <v>112</v>
      </c>
      <c r="O19" s="4" t="s">
        <v>113</v>
      </c>
      <c r="P19" s="8">
        <v>40</v>
      </c>
      <c r="Q19" s="4">
        <v>55</v>
      </c>
      <c r="R19" s="4" t="s">
        <v>35</v>
      </c>
      <c r="S19" s="4"/>
      <c r="T19" s="4" t="s">
        <v>30</v>
      </c>
      <c r="U19" s="4"/>
      <c r="V19" s="3" t="s">
        <v>36</v>
      </c>
      <c r="W19" s="4" t="s">
        <v>114</v>
      </c>
    </row>
    <row r="20" spans="1:23" s="11" customFormat="1" ht="409.5">
      <c r="A20" s="61">
        <v>113310004</v>
      </c>
      <c r="B20" s="62"/>
      <c r="C20" s="63" t="s">
        <v>128</v>
      </c>
      <c r="D20" s="64" t="s">
        <v>125</v>
      </c>
      <c r="E20" s="62" t="s">
        <v>43</v>
      </c>
      <c r="F20" s="47" t="s">
        <v>1775</v>
      </c>
      <c r="G20" s="2" t="s">
        <v>95</v>
      </c>
      <c r="H20" s="4"/>
      <c r="I20" s="4"/>
      <c r="J20" s="4" t="s">
        <v>99</v>
      </c>
      <c r="K20" s="4" t="s">
        <v>129</v>
      </c>
      <c r="L20" s="4"/>
      <c r="M20" s="4"/>
      <c r="N20" s="4" t="s">
        <v>130</v>
      </c>
      <c r="O20" s="4" t="s">
        <v>113</v>
      </c>
      <c r="P20" s="8">
        <v>50</v>
      </c>
      <c r="Q20" s="4">
        <v>50</v>
      </c>
      <c r="R20" s="4" t="s">
        <v>35</v>
      </c>
      <c r="S20" s="4"/>
      <c r="T20" s="4" t="s">
        <v>30</v>
      </c>
      <c r="U20" s="4"/>
      <c r="V20" s="3" t="s">
        <v>36</v>
      </c>
      <c r="W20" s="4" t="s">
        <v>131</v>
      </c>
    </row>
    <row r="21" spans="1:23" s="11" customFormat="1" ht="409.5">
      <c r="A21" s="61">
        <v>563310009</v>
      </c>
      <c r="B21" s="62" t="s">
        <v>132</v>
      </c>
      <c r="C21" s="63" t="s">
        <v>133</v>
      </c>
      <c r="D21" s="64" t="s">
        <v>125</v>
      </c>
      <c r="E21" s="62" t="s">
        <v>75</v>
      </c>
      <c r="F21" s="47" t="s">
        <v>1776</v>
      </c>
      <c r="G21" s="2" t="s">
        <v>134</v>
      </c>
      <c r="H21" s="4"/>
      <c r="I21" s="4"/>
      <c r="J21" s="4" t="s">
        <v>99</v>
      </c>
      <c r="K21" s="4" t="s">
        <v>135</v>
      </c>
      <c r="L21" s="4" t="s">
        <v>89</v>
      </c>
      <c r="M21" s="4"/>
      <c r="N21" s="4" t="s">
        <v>136</v>
      </c>
      <c r="O21" s="4" t="s">
        <v>137</v>
      </c>
      <c r="P21" s="8">
        <v>70</v>
      </c>
      <c r="Q21" s="4">
        <v>100</v>
      </c>
      <c r="R21" s="4" t="s">
        <v>35</v>
      </c>
      <c r="S21" s="4"/>
      <c r="T21" s="4" t="s">
        <v>30</v>
      </c>
      <c r="U21" s="4"/>
      <c r="V21" s="3" t="s">
        <v>36</v>
      </c>
      <c r="W21" s="4" t="s">
        <v>138</v>
      </c>
    </row>
    <row r="22" spans="1:23" s="11" customFormat="1" ht="409.5">
      <c r="A22" s="61">
        <v>563320006</v>
      </c>
      <c r="B22" s="62" t="s">
        <v>132</v>
      </c>
      <c r="C22" s="63" t="s">
        <v>139</v>
      </c>
      <c r="D22" s="65" t="s">
        <v>234</v>
      </c>
      <c r="E22" s="62" t="s">
        <v>140</v>
      </c>
      <c r="F22" s="47" t="s">
        <v>1777</v>
      </c>
      <c r="G22" s="2" t="s">
        <v>141</v>
      </c>
      <c r="H22" s="4"/>
      <c r="I22" s="4"/>
      <c r="J22" s="4" t="s">
        <v>45</v>
      </c>
      <c r="K22" s="4" t="s">
        <v>135</v>
      </c>
      <c r="L22" s="4"/>
      <c r="M22" s="4"/>
      <c r="N22" s="4" t="s">
        <v>136</v>
      </c>
      <c r="O22" s="4" t="s">
        <v>137</v>
      </c>
      <c r="P22" s="8">
        <v>32</v>
      </c>
      <c r="Q22" s="4">
        <v>45</v>
      </c>
      <c r="R22" s="4" t="s">
        <v>35</v>
      </c>
      <c r="S22" s="4"/>
      <c r="T22" s="4" t="s">
        <v>30</v>
      </c>
      <c r="U22" s="4"/>
      <c r="V22" s="3" t="s">
        <v>36</v>
      </c>
      <c r="W22" s="4" t="s">
        <v>138</v>
      </c>
    </row>
    <row r="23" spans="1:23" s="11" customFormat="1" ht="409.5">
      <c r="A23" s="61">
        <v>563310007</v>
      </c>
      <c r="B23" s="62"/>
      <c r="C23" s="63" t="s">
        <v>142</v>
      </c>
      <c r="D23" s="64" t="s">
        <v>125</v>
      </c>
      <c r="E23" s="62" t="s">
        <v>143</v>
      </c>
      <c r="F23" s="47" t="s">
        <v>1778</v>
      </c>
      <c r="G23" s="2" t="s">
        <v>144</v>
      </c>
      <c r="H23" s="4"/>
      <c r="I23" s="4" t="s">
        <v>145</v>
      </c>
      <c r="J23" s="4"/>
      <c r="K23" s="4" t="s">
        <v>146</v>
      </c>
      <c r="L23" s="4"/>
      <c r="M23" s="4"/>
      <c r="N23" s="4" t="s">
        <v>136</v>
      </c>
      <c r="O23" s="4" t="s">
        <v>137</v>
      </c>
      <c r="P23" s="8">
        <v>70</v>
      </c>
      <c r="Q23" s="4">
        <v>100</v>
      </c>
      <c r="R23" s="4" t="s">
        <v>35</v>
      </c>
      <c r="S23" s="4"/>
      <c r="T23" s="4" t="s">
        <v>30</v>
      </c>
      <c r="U23" s="4"/>
      <c r="V23" s="3" t="s">
        <v>36</v>
      </c>
      <c r="W23" s="4" t="s">
        <v>138</v>
      </c>
    </row>
    <row r="24" spans="1:23" s="11" customFormat="1" ht="409.5">
      <c r="A24" s="61">
        <v>563310008</v>
      </c>
      <c r="B24" s="62"/>
      <c r="C24" s="63" t="s">
        <v>147</v>
      </c>
      <c r="D24" s="64" t="s">
        <v>125</v>
      </c>
      <c r="E24" s="62" t="s">
        <v>143</v>
      </c>
      <c r="F24" s="47" t="s">
        <v>1779</v>
      </c>
      <c r="G24" s="2" t="s">
        <v>144</v>
      </c>
      <c r="H24" s="4"/>
      <c r="I24" s="4" t="s">
        <v>145</v>
      </c>
      <c r="J24" s="4"/>
      <c r="K24" s="8" t="s">
        <v>146</v>
      </c>
      <c r="L24" s="4"/>
      <c r="M24" s="4"/>
      <c r="N24" s="4" t="s">
        <v>136</v>
      </c>
      <c r="O24" s="4" t="s">
        <v>137</v>
      </c>
      <c r="P24" s="8">
        <v>70</v>
      </c>
      <c r="Q24" s="4">
        <v>100</v>
      </c>
      <c r="R24" s="4" t="s">
        <v>35</v>
      </c>
      <c r="S24" s="4"/>
      <c r="T24" s="4" t="s">
        <v>30</v>
      </c>
      <c r="U24" s="4"/>
      <c r="V24" s="3" t="s">
        <v>36</v>
      </c>
      <c r="W24" s="4" t="s">
        <v>138</v>
      </c>
    </row>
    <row r="25" spans="1:23" s="11" customFormat="1" ht="409.5">
      <c r="A25" s="61">
        <v>553310019</v>
      </c>
      <c r="B25" s="62" t="s">
        <v>148</v>
      </c>
      <c r="C25" s="63" t="s">
        <v>149</v>
      </c>
      <c r="D25" s="64" t="s">
        <v>125</v>
      </c>
      <c r="E25" s="62" t="s">
        <v>143</v>
      </c>
      <c r="F25" s="47" t="s">
        <v>1780</v>
      </c>
      <c r="G25" s="2" t="s">
        <v>150</v>
      </c>
      <c r="H25" s="4"/>
      <c r="I25" s="4" t="s">
        <v>145</v>
      </c>
      <c r="J25" s="4"/>
      <c r="K25" s="4" t="s">
        <v>151</v>
      </c>
      <c r="L25" s="4"/>
      <c r="M25" s="4"/>
      <c r="N25" s="4" t="s">
        <v>152</v>
      </c>
      <c r="O25" s="4" t="s">
        <v>153</v>
      </c>
      <c r="P25" s="8">
        <v>25</v>
      </c>
      <c r="Q25" s="4">
        <v>35</v>
      </c>
      <c r="R25" s="4" t="s">
        <v>35</v>
      </c>
      <c r="S25" s="4"/>
      <c r="T25" s="4" t="s">
        <v>30</v>
      </c>
      <c r="U25" s="4"/>
      <c r="V25" s="3" t="s">
        <v>36</v>
      </c>
      <c r="W25" s="4" t="s">
        <v>154</v>
      </c>
    </row>
    <row r="26" spans="1:23" s="11" customFormat="1" ht="15.5">
      <c r="A26" s="61">
        <v>886310002</v>
      </c>
      <c r="B26" s="62" t="s">
        <v>155</v>
      </c>
      <c r="C26" s="63" t="s">
        <v>156</v>
      </c>
      <c r="D26" s="64" t="s">
        <v>125</v>
      </c>
      <c r="E26" s="62" t="s">
        <v>157</v>
      </c>
      <c r="F26" s="47" t="s">
        <v>1771</v>
      </c>
      <c r="G26" s="2" t="s">
        <v>158</v>
      </c>
      <c r="H26" s="4"/>
      <c r="I26" s="4"/>
      <c r="J26" s="4" t="s">
        <v>45</v>
      </c>
      <c r="K26" s="4" t="s">
        <v>68</v>
      </c>
      <c r="L26" s="4"/>
      <c r="M26" s="4"/>
      <c r="N26" s="4" t="s">
        <v>136</v>
      </c>
      <c r="O26" s="4" t="s">
        <v>159</v>
      </c>
      <c r="P26" s="8">
        <v>200</v>
      </c>
      <c r="Q26" s="4">
        <v>300</v>
      </c>
      <c r="R26" s="4" t="s">
        <v>35</v>
      </c>
      <c r="S26" s="4"/>
      <c r="T26" s="4" t="s">
        <v>30</v>
      </c>
      <c r="U26" s="4"/>
      <c r="V26" s="3" t="s">
        <v>36</v>
      </c>
      <c r="W26" s="4" t="s">
        <v>235</v>
      </c>
    </row>
    <row r="27" spans="1:23" s="11" customFormat="1" ht="15.5">
      <c r="A27" s="61">
        <v>345320017</v>
      </c>
      <c r="B27" s="62" t="s">
        <v>160</v>
      </c>
      <c r="C27" s="63" t="s">
        <v>161</v>
      </c>
      <c r="D27" s="65" t="s">
        <v>234</v>
      </c>
      <c r="E27" s="62" t="s">
        <v>53</v>
      </c>
      <c r="F27" s="47" t="s">
        <v>1772</v>
      </c>
      <c r="G27" s="2" t="s">
        <v>162</v>
      </c>
      <c r="H27" s="4"/>
      <c r="I27" s="4"/>
      <c r="J27" s="4" t="s">
        <v>99</v>
      </c>
      <c r="K27" s="4" t="s">
        <v>163</v>
      </c>
      <c r="L27" s="4"/>
      <c r="M27" s="4"/>
      <c r="N27" s="4" t="s">
        <v>40</v>
      </c>
      <c r="O27" s="4" t="s">
        <v>123</v>
      </c>
      <c r="P27" s="8">
        <v>80</v>
      </c>
      <c r="Q27" s="4">
        <v>120</v>
      </c>
      <c r="R27" s="4" t="s">
        <v>35</v>
      </c>
      <c r="S27" s="4"/>
      <c r="T27" s="4" t="s">
        <v>30</v>
      </c>
      <c r="U27" s="4"/>
      <c r="V27" s="3" t="s">
        <v>36</v>
      </c>
      <c r="W27" s="4" t="s">
        <v>164</v>
      </c>
    </row>
    <row r="28" spans="1:23" s="11" customFormat="1" ht="15.5">
      <c r="A28" s="61">
        <v>345330018</v>
      </c>
      <c r="B28" s="62"/>
      <c r="C28" s="63" t="s">
        <v>165</v>
      </c>
      <c r="D28" s="65" t="s">
        <v>124</v>
      </c>
      <c r="E28" s="62" t="s">
        <v>81</v>
      </c>
      <c r="F28" s="47" t="s">
        <v>1773</v>
      </c>
      <c r="G28" s="2" t="s">
        <v>166</v>
      </c>
      <c r="H28" s="4"/>
      <c r="I28" s="4"/>
      <c r="J28" s="4" t="s">
        <v>127</v>
      </c>
      <c r="K28" s="4" t="s">
        <v>167</v>
      </c>
      <c r="L28" s="4"/>
      <c r="M28" s="4"/>
      <c r="N28" s="4" t="s">
        <v>168</v>
      </c>
      <c r="O28" s="4" t="s">
        <v>169</v>
      </c>
      <c r="P28" s="8">
        <v>70</v>
      </c>
      <c r="Q28" s="4">
        <v>100</v>
      </c>
      <c r="R28" s="4" t="s">
        <v>35</v>
      </c>
      <c r="S28" s="4"/>
      <c r="T28" s="4" t="s">
        <v>30</v>
      </c>
      <c r="U28" s="4"/>
      <c r="V28" s="3" t="s">
        <v>36</v>
      </c>
      <c r="W28" s="4" t="s">
        <v>170</v>
      </c>
    </row>
    <row r="29" spans="1:23" s="11" customFormat="1" ht="409.5">
      <c r="A29" s="61">
        <v>771320010</v>
      </c>
      <c r="B29" s="62" t="s">
        <v>171</v>
      </c>
      <c r="C29" s="63" t="s">
        <v>172</v>
      </c>
      <c r="D29" s="65" t="s">
        <v>234</v>
      </c>
      <c r="E29" s="62" t="s">
        <v>53</v>
      </c>
      <c r="F29" s="47" t="s">
        <v>1781</v>
      </c>
      <c r="G29" s="2" t="s">
        <v>173</v>
      </c>
      <c r="H29" s="4"/>
      <c r="I29" s="4"/>
      <c r="J29" s="4" t="s">
        <v>45</v>
      </c>
      <c r="K29" s="8" t="s">
        <v>174</v>
      </c>
      <c r="L29" s="4"/>
      <c r="M29" s="4"/>
      <c r="N29" s="4" t="s">
        <v>29</v>
      </c>
      <c r="O29" s="4" t="s">
        <v>92</v>
      </c>
      <c r="P29" s="8">
        <v>30</v>
      </c>
      <c r="Q29" s="4">
        <v>105</v>
      </c>
      <c r="R29" s="4" t="s">
        <v>35</v>
      </c>
      <c r="S29" s="4"/>
      <c r="T29" s="4" t="s">
        <v>50</v>
      </c>
      <c r="U29" s="4"/>
      <c r="V29" s="3" t="s">
        <v>36</v>
      </c>
      <c r="W29" s="4" t="s">
        <v>175</v>
      </c>
    </row>
    <row r="30" spans="1:23" s="11" customFormat="1" ht="409.5">
      <c r="A30" s="61">
        <v>771320011</v>
      </c>
      <c r="B30" s="62" t="s">
        <v>171</v>
      </c>
      <c r="C30" s="63" t="s">
        <v>176</v>
      </c>
      <c r="D30" s="65" t="s">
        <v>234</v>
      </c>
      <c r="E30" s="62" t="s">
        <v>53</v>
      </c>
      <c r="F30" s="47" t="s">
        <v>1782</v>
      </c>
      <c r="G30" s="2" t="s">
        <v>173</v>
      </c>
      <c r="H30" s="4"/>
      <c r="I30" s="4"/>
      <c r="J30" s="4" t="s">
        <v>45</v>
      </c>
      <c r="K30" s="8" t="s">
        <v>174</v>
      </c>
      <c r="L30" s="4"/>
      <c r="M30" s="4"/>
      <c r="N30" s="4" t="s">
        <v>29</v>
      </c>
      <c r="O30" s="4" t="s">
        <v>92</v>
      </c>
      <c r="P30" s="8">
        <v>30</v>
      </c>
      <c r="Q30" s="4">
        <v>105</v>
      </c>
      <c r="R30" s="4" t="s">
        <v>35</v>
      </c>
      <c r="S30" s="4"/>
      <c r="T30" s="4" t="s">
        <v>50</v>
      </c>
      <c r="U30" s="4"/>
      <c r="V30" s="3" t="s">
        <v>36</v>
      </c>
      <c r="W30" s="4" t="s">
        <v>175</v>
      </c>
    </row>
    <row r="31" spans="1:23" s="11" customFormat="1" ht="409.5">
      <c r="A31" s="61">
        <v>555320008</v>
      </c>
      <c r="B31" s="66" t="s">
        <v>177</v>
      </c>
      <c r="C31" s="63" t="s">
        <v>178</v>
      </c>
      <c r="D31" s="65" t="s">
        <v>234</v>
      </c>
      <c r="E31" s="62" t="s">
        <v>53</v>
      </c>
      <c r="F31" s="47" t="s">
        <v>1783</v>
      </c>
      <c r="G31" s="2" t="s">
        <v>179</v>
      </c>
      <c r="H31" s="4"/>
      <c r="I31" s="4"/>
      <c r="J31" s="4" t="s">
        <v>45</v>
      </c>
      <c r="K31" s="4" t="s">
        <v>180</v>
      </c>
      <c r="L31" s="4" t="s">
        <v>135</v>
      </c>
      <c r="M31" s="4"/>
      <c r="N31" s="4" t="s">
        <v>40</v>
      </c>
      <c r="O31" s="4" t="s">
        <v>92</v>
      </c>
      <c r="P31" s="8">
        <v>95</v>
      </c>
      <c r="Q31" s="4">
        <v>130</v>
      </c>
      <c r="R31" s="4" t="s">
        <v>35</v>
      </c>
      <c r="S31" s="4"/>
      <c r="T31" s="4" t="s">
        <v>30</v>
      </c>
      <c r="U31" s="4"/>
      <c r="V31" s="3" t="s">
        <v>36</v>
      </c>
      <c r="W31" s="4" t="s">
        <v>181</v>
      </c>
    </row>
    <row r="32" spans="1:23" s="11" customFormat="1" ht="409.5">
      <c r="A32" s="61">
        <v>555320010</v>
      </c>
      <c r="B32" s="66" t="s">
        <v>177</v>
      </c>
      <c r="C32" s="63" t="s">
        <v>182</v>
      </c>
      <c r="D32" s="65" t="s">
        <v>234</v>
      </c>
      <c r="E32" s="62" t="s">
        <v>53</v>
      </c>
      <c r="F32" s="47" t="s">
        <v>1783</v>
      </c>
      <c r="G32" s="2" t="s">
        <v>150</v>
      </c>
      <c r="H32" s="4"/>
      <c r="I32" s="4"/>
      <c r="J32" s="4" t="s">
        <v>45</v>
      </c>
      <c r="K32" s="4" t="s">
        <v>183</v>
      </c>
      <c r="L32" s="4" t="s">
        <v>135</v>
      </c>
      <c r="M32" s="4"/>
      <c r="N32" s="4" t="s">
        <v>40</v>
      </c>
      <c r="O32" s="4" t="s">
        <v>92</v>
      </c>
      <c r="P32" s="8">
        <v>95</v>
      </c>
      <c r="Q32" s="4">
        <v>130</v>
      </c>
      <c r="R32" s="4" t="s">
        <v>35</v>
      </c>
      <c r="S32" s="4"/>
      <c r="T32" s="4" t="s">
        <v>30</v>
      </c>
      <c r="U32" s="4"/>
      <c r="V32" s="3" t="s">
        <v>36</v>
      </c>
      <c r="W32" s="4" t="s">
        <v>181</v>
      </c>
    </row>
    <row r="33" spans="1:23" s="11" customFormat="1" ht="409.5">
      <c r="A33" s="61">
        <v>555320006</v>
      </c>
      <c r="B33" s="66" t="s">
        <v>177</v>
      </c>
      <c r="C33" s="63" t="s">
        <v>184</v>
      </c>
      <c r="D33" s="65" t="s">
        <v>234</v>
      </c>
      <c r="E33" s="62" t="s">
        <v>53</v>
      </c>
      <c r="F33" s="47" t="s">
        <v>1783</v>
      </c>
      <c r="G33" s="2" t="s">
        <v>179</v>
      </c>
      <c r="H33" s="4"/>
      <c r="I33" s="4"/>
      <c r="J33" s="4" t="s">
        <v>45</v>
      </c>
      <c r="K33" s="4" t="s">
        <v>183</v>
      </c>
      <c r="L33" s="4" t="s">
        <v>135</v>
      </c>
      <c r="M33" s="4"/>
      <c r="N33" s="4" t="s">
        <v>40</v>
      </c>
      <c r="O33" s="4" t="s">
        <v>92</v>
      </c>
      <c r="P33" s="8">
        <v>95</v>
      </c>
      <c r="Q33" s="4">
        <v>130</v>
      </c>
      <c r="R33" s="4" t="s">
        <v>35</v>
      </c>
      <c r="S33" s="4"/>
      <c r="T33" s="4" t="s">
        <v>30</v>
      </c>
      <c r="U33" s="4"/>
      <c r="V33" s="3" t="s">
        <v>36</v>
      </c>
      <c r="W33" s="4" t="s">
        <v>181</v>
      </c>
    </row>
    <row r="34" spans="1:23" s="11" customFormat="1" ht="409.5">
      <c r="A34" s="61">
        <v>770310027</v>
      </c>
      <c r="B34" s="62" t="s">
        <v>185</v>
      </c>
      <c r="C34" s="63" t="s">
        <v>186</v>
      </c>
      <c r="D34" s="64" t="s">
        <v>125</v>
      </c>
      <c r="E34" s="62" t="s">
        <v>157</v>
      </c>
      <c r="F34" s="47" t="s">
        <v>1784</v>
      </c>
      <c r="G34" s="2" t="s">
        <v>144</v>
      </c>
      <c r="H34" s="4"/>
      <c r="I34" s="4"/>
      <c r="J34" s="4" t="s">
        <v>99</v>
      </c>
      <c r="K34" s="8" t="s">
        <v>187</v>
      </c>
      <c r="L34" s="4"/>
      <c r="M34" s="4"/>
      <c r="N34" s="8" t="s">
        <v>188</v>
      </c>
      <c r="O34" s="9" t="s">
        <v>189</v>
      </c>
      <c r="P34" s="8">
        <v>280</v>
      </c>
      <c r="Q34" s="4">
        <v>350</v>
      </c>
      <c r="R34" s="4" t="s">
        <v>83</v>
      </c>
      <c r="S34" s="4"/>
      <c r="T34" s="4" t="s">
        <v>50</v>
      </c>
      <c r="U34" s="4"/>
      <c r="V34" s="3" t="s">
        <v>36</v>
      </c>
      <c r="W34" s="4" t="s">
        <v>236</v>
      </c>
    </row>
    <row r="35" spans="1:23" s="11" customFormat="1" ht="409.5">
      <c r="A35" s="61">
        <v>550320017</v>
      </c>
      <c r="B35" s="62" t="s">
        <v>190</v>
      </c>
      <c r="C35" s="63" t="s">
        <v>191</v>
      </c>
      <c r="D35" s="65" t="s">
        <v>234</v>
      </c>
      <c r="E35" s="62" t="s">
        <v>53</v>
      </c>
      <c r="F35" s="47" t="s">
        <v>1785</v>
      </c>
      <c r="G35" s="2" t="s">
        <v>192</v>
      </c>
      <c r="H35" s="4"/>
      <c r="I35" s="4"/>
      <c r="J35" s="4" t="s">
        <v>45</v>
      </c>
      <c r="K35" s="8" t="s">
        <v>193</v>
      </c>
      <c r="L35" s="4"/>
      <c r="M35" s="4"/>
      <c r="N35" s="4" t="s">
        <v>194</v>
      </c>
      <c r="O35" s="4" t="s">
        <v>61</v>
      </c>
      <c r="P35" s="8">
        <v>180</v>
      </c>
      <c r="Q35" s="4">
        <v>300</v>
      </c>
      <c r="R35" s="4" t="s">
        <v>35</v>
      </c>
      <c r="S35" s="4"/>
      <c r="T35" s="4" t="s">
        <v>30</v>
      </c>
      <c r="U35" s="4"/>
      <c r="V35" s="3" t="s">
        <v>36</v>
      </c>
      <c r="W35" s="4" t="s">
        <v>195</v>
      </c>
    </row>
    <row r="36" spans="1:23" s="11" customFormat="1" ht="409.5">
      <c r="A36" s="61">
        <v>777110026</v>
      </c>
      <c r="B36" s="62" t="s">
        <v>196</v>
      </c>
      <c r="C36" s="63" t="s">
        <v>197</v>
      </c>
      <c r="D36" s="64" t="s">
        <v>125</v>
      </c>
      <c r="E36" s="62" t="s">
        <v>53</v>
      </c>
      <c r="F36" s="47" t="s">
        <v>1786</v>
      </c>
      <c r="G36" s="2" t="s">
        <v>198</v>
      </c>
      <c r="H36" s="4"/>
      <c r="I36" s="4" t="s">
        <v>145</v>
      </c>
      <c r="J36" s="4"/>
      <c r="K36" s="8" t="s">
        <v>199</v>
      </c>
      <c r="L36" s="4"/>
      <c r="M36" s="4"/>
      <c r="N36" s="4" t="s">
        <v>200</v>
      </c>
      <c r="O36" s="4" t="s">
        <v>201</v>
      </c>
      <c r="P36" s="8">
        <v>35</v>
      </c>
      <c r="Q36" s="4">
        <v>55</v>
      </c>
      <c r="R36" s="4" t="s">
        <v>83</v>
      </c>
      <c r="S36" s="4"/>
      <c r="T36" s="4" t="s">
        <v>71</v>
      </c>
      <c r="U36" s="4"/>
      <c r="V36" s="3" t="s">
        <v>36</v>
      </c>
      <c r="W36" s="4" t="s">
        <v>1366</v>
      </c>
    </row>
    <row r="37" spans="1:23" s="11" customFormat="1" ht="409.5">
      <c r="A37" s="61">
        <v>777110027</v>
      </c>
      <c r="B37" s="62" t="s">
        <v>196</v>
      </c>
      <c r="C37" s="63" t="s">
        <v>202</v>
      </c>
      <c r="D37" s="64" t="s">
        <v>125</v>
      </c>
      <c r="E37" s="62" t="s">
        <v>53</v>
      </c>
      <c r="F37" s="47" t="s">
        <v>1786</v>
      </c>
      <c r="G37" s="2" t="s">
        <v>203</v>
      </c>
      <c r="H37" s="4"/>
      <c r="I37" s="4" t="s">
        <v>145</v>
      </c>
      <c r="J37" s="4"/>
      <c r="K37" s="8" t="s">
        <v>199</v>
      </c>
      <c r="L37" s="4"/>
      <c r="M37" s="4"/>
      <c r="N37" s="4" t="s">
        <v>200</v>
      </c>
      <c r="O37" s="4" t="s">
        <v>201</v>
      </c>
      <c r="P37" s="8">
        <v>35</v>
      </c>
      <c r="Q37" s="4">
        <v>50</v>
      </c>
      <c r="R37" s="4" t="s">
        <v>83</v>
      </c>
      <c r="S37" s="4"/>
      <c r="T37" s="4" t="s">
        <v>71</v>
      </c>
      <c r="U37" s="4"/>
      <c r="V37" s="3" t="s">
        <v>36</v>
      </c>
      <c r="W37" s="4" t="s">
        <v>1366</v>
      </c>
    </row>
    <row r="38" spans="1:23" s="11" customFormat="1" ht="409.5">
      <c r="A38" s="61">
        <v>777310028</v>
      </c>
      <c r="B38" s="62" t="s">
        <v>204</v>
      </c>
      <c r="C38" s="63" t="s">
        <v>205</v>
      </c>
      <c r="D38" s="64" t="s">
        <v>125</v>
      </c>
      <c r="E38" s="62" t="s">
        <v>53</v>
      </c>
      <c r="F38" s="47" t="s">
        <v>1787</v>
      </c>
      <c r="G38" s="2" t="s">
        <v>206</v>
      </c>
      <c r="H38" s="4"/>
      <c r="I38" s="4" t="s">
        <v>145</v>
      </c>
      <c r="J38" s="4"/>
      <c r="K38" s="8" t="s">
        <v>199</v>
      </c>
      <c r="L38" s="4"/>
      <c r="M38" s="4"/>
      <c r="N38" s="4" t="s">
        <v>200</v>
      </c>
      <c r="O38" s="4" t="s">
        <v>201</v>
      </c>
      <c r="P38" s="8">
        <v>35</v>
      </c>
      <c r="Q38" s="4">
        <v>45</v>
      </c>
      <c r="R38" s="4" t="s">
        <v>83</v>
      </c>
      <c r="S38" s="4"/>
      <c r="T38" s="4" t="s">
        <v>71</v>
      </c>
      <c r="U38" s="4"/>
      <c r="V38" s="3" t="s">
        <v>36</v>
      </c>
      <c r="W38" s="4" t="s">
        <v>1366</v>
      </c>
    </row>
    <row r="39" spans="1:23" s="11" customFormat="1" ht="409.5">
      <c r="A39" s="61">
        <v>777310012</v>
      </c>
      <c r="B39" s="62" t="s">
        <v>207</v>
      </c>
      <c r="C39" s="63" t="s">
        <v>208</v>
      </c>
      <c r="D39" s="64" t="s">
        <v>125</v>
      </c>
      <c r="E39" s="62" t="s">
        <v>143</v>
      </c>
      <c r="F39" s="47" t="s">
        <v>1788</v>
      </c>
      <c r="G39" s="2" t="s">
        <v>209</v>
      </c>
      <c r="H39" s="4"/>
      <c r="I39" s="4" t="s">
        <v>145</v>
      </c>
      <c r="J39" s="4"/>
      <c r="K39" s="8" t="s">
        <v>199</v>
      </c>
      <c r="L39" s="4"/>
      <c r="M39" s="4"/>
      <c r="N39" s="4" t="s">
        <v>200</v>
      </c>
      <c r="O39" s="4" t="s">
        <v>201</v>
      </c>
      <c r="P39" s="8">
        <v>65</v>
      </c>
      <c r="Q39" s="4">
        <v>100</v>
      </c>
      <c r="R39" s="4" t="s">
        <v>35</v>
      </c>
      <c r="S39" s="4"/>
      <c r="T39" s="4" t="s">
        <v>71</v>
      </c>
      <c r="U39" s="4"/>
      <c r="V39" s="3" t="s">
        <v>36</v>
      </c>
      <c r="W39" s="4" t="s">
        <v>1366</v>
      </c>
    </row>
    <row r="40" spans="1:23" s="11" customFormat="1" ht="409.5">
      <c r="A40" s="61">
        <v>777310013</v>
      </c>
      <c r="B40" s="62" t="s">
        <v>207</v>
      </c>
      <c r="C40" s="63" t="s">
        <v>210</v>
      </c>
      <c r="D40" s="64" t="s">
        <v>125</v>
      </c>
      <c r="E40" s="62" t="s">
        <v>143</v>
      </c>
      <c r="F40" s="47" t="s">
        <v>1788</v>
      </c>
      <c r="G40" s="2" t="s">
        <v>209</v>
      </c>
      <c r="H40" s="4"/>
      <c r="I40" s="4" t="s">
        <v>145</v>
      </c>
      <c r="J40" s="4"/>
      <c r="K40" s="8" t="s">
        <v>199</v>
      </c>
      <c r="L40" s="4"/>
      <c r="M40" s="4"/>
      <c r="N40" s="4" t="s">
        <v>200</v>
      </c>
      <c r="O40" s="4" t="s">
        <v>201</v>
      </c>
      <c r="P40" s="8">
        <v>65</v>
      </c>
      <c r="Q40" s="4">
        <v>100</v>
      </c>
      <c r="R40" s="4" t="s">
        <v>35</v>
      </c>
      <c r="S40" s="4"/>
      <c r="T40" s="4" t="s">
        <v>71</v>
      </c>
      <c r="U40" s="4"/>
      <c r="V40" s="3" t="s">
        <v>36</v>
      </c>
      <c r="W40" s="4" t="s">
        <v>1366</v>
      </c>
    </row>
    <row r="41" spans="1:23" s="11" customFormat="1" ht="409.5">
      <c r="A41" s="61">
        <v>777310015</v>
      </c>
      <c r="B41" s="62" t="s">
        <v>207</v>
      </c>
      <c r="C41" s="63" t="s">
        <v>211</v>
      </c>
      <c r="D41" s="64" t="s">
        <v>125</v>
      </c>
      <c r="E41" s="62" t="s">
        <v>143</v>
      </c>
      <c r="F41" s="47" t="s">
        <v>1788</v>
      </c>
      <c r="G41" s="2" t="s">
        <v>209</v>
      </c>
      <c r="H41" s="4"/>
      <c r="I41" s="4" t="s">
        <v>145</v>
      </c>
      <c r="J41" s="4"/>
      <c r="K41" s="8" t="s">
        <v>199</v>
      </c>
      <c r="L41" s="4"/>
      <c r="M41" s="4"/>
      <c r="N41" s="4" t="s">
        <v>200</v>
      </c>
      <c r="O41" s="4" t="s">
        <v>201</v>
      </c>
      <c r="P41" s="8">
        <v>65</v>
      </c>
      <c r="Q41" s="4">
        <v>100</v>
      </c>
      <c r="R41" s="4" t="s">
        <v>35</v>
      </c>
      <c r="S41" s="4"/>
      <c r="T41" s="4" t="s">
        <v>71</v>
      </c>
      <c r="U41" s="4"/>
      <c r="V41" s="3" t="s">
        <v>36</v>
      </c>
      <c r="W41" s="4" t="s">
        <v>1366</v>
      </c>
    </row>
    <row r="42" spans="1:23" s="11" customFormat="1" ht="409.5">
      <c r="A42" s="61">
        <v>777310016</v>
      </c>
      <c r="B42" s="62" t="s">
        <v>207</v>
      </c>
      <c r="C42" s="63" t="s">
        <v>212</v>
      </c>
      <c r="D42" s="64" t="s">
        <v>125</v>
      </c>
      <c r="E42" s="62" t="s">
        <v>143</v>
      </c>
      <c r="F42" s="47" t="s">
        <v>1788</v>
      </c>
      <c r="G42" s="2" t="s">
        <v>209</v>
      </c>
      <c r="H42" s="4"/>
      <c r="I42" s="4" t="s">
        <v>145</v>
      </c>
      <c r="J42" s="4"/>
      <c r="K42" s="8" t="s">
        <v>199</v>
      </c>
      <c r="L42" s="4"/>
      <c r="M42" s="4"/>
      <c r="N42" s="4" t="s">
        <v>200</v>
      </c>
      <c r="O42" s="4" t="s">
        <v>201</v>
      </c>
      <c r="P42" s="8">
        <v>65</v>
      </c>
      <c r="Q42" s="4">
        <v>100</v>
      </c>
      <c r="R42" s="4" t="s">
        <v>35</v>
      </c>
      <c r="S42" s="4"/>
      <c r="T42" s="4" t="s">
        <v>71</v>
      </c>
      <c r="U42" s="4"/>
      <c r="V42" s="3" t="s">
        <v>36</v>
      </c>
      <c r="W42" s="4" t="s">
        <v>1366</v>
      </c>
    </row>
    <row r="43" spans="1:23" s="11" customFormat="1" ht="409.5">
      <c r="A43" s="61">
        <v>777310025</v>
      </c>
      <c r="B43" s="62" t="s">
        <v>207</v>
      </c>
      <c r="C43" s="63" t="s">
        <v>213</v>
      </c>
      <c r="D43" s="64" t="s">
        <v>125</v>
      </c>
      <c r="E43" s="62" t="s">
        <v>143</v>
      </c>
      <c r="F43" s="47" t="s">
        <v>1788</v>
      </c>
      <c r="G43" s="2" t="s">
        <v>209</v>
      </c>
      <c r="H43" s="4"/>
      <c r="I43" s="4" t="s">
        <v>145</v>
      </c>
      <c r="J43" s="4"/>
      <c r="K43" s="8" t="s">
        <v>199</v>
      </c>
      <c r="L43" s="4"/>
      <c r="M43" s="4"/>
      <c r="N43" s="4" t="s">
        <v>200</v>
      </c>
      <c r="O43" s="4" t="s">
        <v>201</v>
      </c>
      <c r="P43" s="8">
        <v>65</v>
      </c>
      <c r="Q43" s="4">
        <v>100</v>
      </c>
      <c r="R43" s="4" t="s">
        <v>35</v>
      </c>
      <c r="S43" s="4"/>
      <c r="T43" s="4" t="s">
        <v>71</v>
      </c>
      <c r="U43" s="4"/>
      <c r="V43" s="3" t="s">
        <v>36</v>
      </c>
      <c r="W43" s="4" t="s">
        <v>1366</v>
      </c>
    </row>
    <row r="44" spans="1:23" s="11" customFormat="1" ht="15.5">
      <c r="A44" s="61">
        <v>777110008</v>
      </c>
      <c r="B44" s="62"/>
      <c r="C44" s="63" t="s">
        <v>214</v>
      </c>
      <c r="D44" s="64" t="s">
        <v>125</v>
      </c>
      <c r="E44" s="62" t="s">
        <v>143</v>
      </c>
      <c r="F44" s="47" t="s">
        <v>215</v>
      </c>
      <c r="G44" s="2" t="s">
        <v>216</v>
      </c>
      <c r="H44" s="4"/>
      <c r="I44" s="4" t="s">
        <v>145</v>
      </c>
      <c r="J44" s="4"/>
      <c r="K44" s="8" t="s">
        <v>199</v>
      </c>
      <c r="L44" s="4"/>
      <c r="M44" s="4"/>
      <c r="N44" s="4" t="s">
        <v>200</v>
      </c>
      <c r="O44" s="4" t="s">
        <v>201</v>
      </c>
      <c r="P44" s="8">
        <v>35</v>
      </c>
      <c r="Q44" s="4">
        <v>55</v>
      </c>
      <c r="R44" s="4" t="s">
        <v>35</v>
      </c>
      <c r="S44" s="4"/>
      <c r="T44" s="4" t="s">
        <v>71</v>
      </c>
      <c r="U44" s="4"/>
      <c r="V44" s="3" t="s">
        <v>36</v>
      </c>
      <c r="W44" s="4" t="s">
        <v>1366</v>
      </c>
    </row>
    <row r="45" spans="1:23" s="11" customFormat="1" ht="409.5">
      <c r="A45" s="61">
        <v>777110014</v>
      </c>
      <c r="B45" s="62"/>
      <c r="C45" s="63" t="s">
        <v>217</v>
      </c>
      <c r="D45" s="64" t="s">
        <v>125</v>
      </c>
      <c r="E45" s="62" t="s">
        <v>143</v>
      </c>
      <c r="F45" s="47" t="s">
        <v>1789</v>
      </c>
      <c r="G45" s="2" t="s">
        <v>218</v>
      </c>
      <c r="H45" s="4"/>
      <c r="I45" s="4" t="s">
        <v>145</v>
      </c>
      <c r="J45" s="4"/>
      <c r="K45" s="8" t="s">
        <v>199</v>
      </c>
      <c r="L45" s="4"/>
      <c r="M45" s="4"/>
      <c r="N45" s="4" t="s">
        <v>200</v>
      </c>
      <c r="O45" s="4" t="s">
        <v>201</v>
      </c>
      <c r="P45" s="8">
        <v>35</v>
      </c>
      <c r="Q45" s="4">
        <v>55</v>
      </c>
      <c r="R45" s="4" t="s">
        <v>35</v>
      </c>
      <c r="S45" s="4"/>
      <c r="T45" s="4" t="s">
        <v>71</v>
      </c>
      <c r="U45" s="4"/>
      <c r="V45" s="3" t="s">
        <v>36</v>
      </c>
      <c r="W45" s="4" t="s">
        <v>1366</v>
      </c>
    </row>
    <row r="46" spans="1:23" s="11" customFormat="1" ht="15.5">
      <c r="A46" s="61">
        <v>777110029</v>
      </c>
      <c r="B46" s="62" t="s">
        <v>219</v>
      </c>
      <c r="C46" s="63" t="s">
        <v>220</v>
      </c>
      <c r="D46" s="64" t="s">
        <v>125</v>
      </c>
      <c r="E46" s="62" t="s">
        <v>221</v>
      </c>
      <c r="F46" s="47" t="s">
        <v>222</v>
      </c>
      <c r="G46" s="2" t="s">
        <v>158</v>
      </c>
      <c r="H46" s="4"/>
      <c r="I46" s="4" t="s">
        <v>145</v>
      </c>
      <c r="J46" s="4"/>
      <c r="K46" s="8" t="s">
        <v>199</v>
      </c>
      <c r="L46" s="4"/>
      <c r="M46" s="4"/>
      <c r="N46" s="4" t="s">
        <v>200</v>
      </c>
      <c r="O46" s="4" t="s">
        <v>201</v>
      </c>
      <c r="P46" s="8">
        <v>200</v>
      </c>
      <c r="Q46" s="4">
        <v>250</v>
      </c>
      <c r="R46" s="4" t="s">
        <v>35</v>
      </c>
      <c r="S46" s="4"/>
      <c r="T46" s="4" t="s">
        <v>71</v>
      </c>
      <c r="U46" s="4"/>
      <c r="V46" s="3" t="s">
        <v>36</v>
      </c>
      <c r="W46" s="4" t="s">
        <v>1366</v>
      </c>
    </row>
    <row r="47" spans="1:23" s="11" customFormat="1" ht="409.5">
      <c r="A47" s="61">
        <v>890310007</v>
      </c>
      <c r="B47" s="62" t="s">
        <v>223</v>
      </c>
      <c r="C47" s="63" t="s">
        <v>224</v>
      </c>
      <c r="D47" s="64" t="s">
        <v>125</v>
      </c>
      <c r="E47" s="62" t="s">
        <v>143</v>
      </c>
      <c r="F47" s="47" t="s">
        <v>1790</v>
      </c>
      <c r="G47" s="2" t="s">
        <v>225</v>
      </c>
      <c r="H47" s="4"/>
      <c r="I47" s="4"/>
      <c r="J47" s="4" t="s">
        <v>99</v>
      </c>
      <c r="K47" s="4" t="s">
        <v>46</v>
      </c>
      <c r="L47" s="4"/>
      <c r="M47" s="4"/>
      <c r="N47" s="4" t="s">
        <v>70</v>
      </c>
      <c r="O47" s="4" t="s">
        <v>61</v>
      </c>
      <c r="P47" s="8">
        <v>55</v>
      </c>
      <c r="Q47" s="4">
        <v>80</v>
      </c>
      <c r="R47" s="4" t="s">
        <v>83</v>
      </c>
      <c r="S47" s="4"/>
      <c r="T47" s="4" t="s">
        <v>30</v>
      </c>
      <c r="U47" s="4"/>
      <c r="V47" s="3" t="s">
        <v>36</v>
      </c>
      <c r="W47" s="4" t="s">
        <v>1758</v>
      </c>
    </row>
    <row r="48" spans="1:23" s="11" customFormat="1" ht="409.5">
      <c r="A48" s="61">
        <v>890310008</v>
      </c>
      <c r="B48" s="62" t="s">
        <v>223</v>
      </c>
      <c r="C48" s="63" t="s">
        <v>226</v>
      </c>
      <c r="D48" s="64" t="s">
        <v>125</v>
      </c>
      <c r="E48" s="62" t="s">
        <v>75</v>
      </c>
      <c r="F48" s="47" t="s">
        <v>1790</v>
      </c>
      <c r="G48" s="2" t="s">
        <v>227</v>
      </c>
      <c r="H48" s="4"/>
      <c r="I48" s="4"/>
      <c r="J48" s="4" t="s">
        <v>99</v>
      </c>
      <c r="K48" s="4" t="s">
        <v>46</v>
      </c>
      <c r="L48" s="4"/>
      <c r="M48" s="4"/>
      <c r="N48" s="4" t="s">
        <v>70</v>
      </c>
      <c r="O48" s="4" t="s">
        <v>61</v>
      </c>
      <c r="P48" s="8">
        <v>140</v>
      </c>
      <c r="Q48" s="4">
        <v>200</v>
      </c>
      <c r="R48" s="4" t="s">
        <v>83</v>
      </c>
      <c r="S48" s="4"/>
      <c r="T48" s="4" t="s">
        <v>30</v>
      </c>
      <c r="U48" s="4"/>
      <c r="V48" s="3" t="s">
        <v>36</v>
      </c>
      <c r="W48" s="4" t="s">
        <v>1758</v>
      </c>
    </row>
    <row r="49" spans="1:23" s="11" customFormat="1" ht="409.5">
      <c r="A49" s="61">
        <v>556320021</v>
      </c>
      <c r="B49" s="66" t="s">
        <v>228</v>
      </c>
      <c r="C49" s="63" t="s">
        <v>229</v>
      </c>
      <c r="D49" s="65" t="s">
        <v>234</v>
      </c>
      <c r="E49" s="62" t="s">
        <v>75</v>
      </c>
      <c r="F49" s="47" t="s">
        <v>1791</v>
      </c>
      <c r="G49" s="2" t="s">
        <v>230</v>
      </c>
      <c r="H49" s="4"/>
      <c r="I49" s="4"/>
      <c r="J49" s="4" t="s">
        <v>45</v>
      </c>
      <c r="K49" s="4" t="s">
        <v>174</v>
      </c>
      <c r="L49" s="4"/>
      <c r="M49" s="4"/>
      <c r="N49" s="4" t="s">
        <v>231</v>
      </c>
      <c r="O49" s="4" t="s">
        <v>123</v>
      </c>
      <c r="P49" s="8">
        <v>120</v>
      </c>
      <c r="Q49" s="4">
        <v>200</v>
      </c>
      <c r="R49" s="4" t="s">
        <v>35</v>
      </c>
      <c r="S49" s="4"/>
      <c r="T49" s="4" t="s">
        <v>30</v>
      </c>
      <c r="U49" s="4"/>
      <c r="V49" s="3" t="s">
        <v>36</v>
      </c>
      <c r="W49" s="4" t="s">
        <v>232</v>
      </c>
    </row>
    <row r="50" spans="1:23" s="11" customFormat="1" ht="409.5">
      <c r="A50" s="61">
        <v>556320022</v>
      </c>
      <c r="B50" s="66" t="s">
        <v>228</v>
      </c>
      <c r="C50" s="63" t="s">
        <v>233</v>
      </c>
      <c r="D50" s="65" t="s">
        <v>234</v>
      </c>
      <c r="E50" s="62" t="s">
        <v>75</v>
      </c>
      <c r="F50" s="47" t="s">
        <v>1792</v>
      </c>
      <c r="G50" s="2" t="s">
        <v>230</v>
      </c>
      <c r="H50" s="4"/>
      <c r="I50" s="4"/>
      <c r="J50" s="4" t="s">
        <v>45</v>
      </c>
      <c r="K50" s="4" t="s">
        <v>174</v>
      </c>
      <c r="L50" s="4"/>
      <c r="M50" s="4"/>
      <c r="N50" s="4" t="s">
        <v>231</v>
      </c>
      <c r="O50" s="4" t="s">
        <v>123</v>
      </c>
      <c r="P50" s="8">
        <v>120</v>
      </c>
      <c r="Q50" s="4">
        <v>200</v>
      </c>
      <c r="R50" s="4" t="s">
        <v>35</v>
      </c>
      <c r="S50" s="4"/>
      <c r="T50" s="4" t="s">
        <v>30</v>
      </c>
      <c r="U50" s="4"/>
      <c r="V50" s="3" t="s">
        <v>36</v>
      </c>
      <c r="W50" s="4" t="s">
        <v>232</v>
      </c>
    </row>
    <row r="51" spans="1:23" s="11" customFormat="1" ht="15.5">
      <c r="A51" s="61">
        <v>617310001</v>
      </c>
      <c r="B51" s="62"/>
      <c r="C51" s="63" t="s">
        <v>237</v>
      </c>
      <c r="D51" s="64" t="s">
        <v>125</v>
      </c>
      <c r="E51" s="62" t="s">
        <v>43</v>
      </c>
      <c r="F51" s="47" t="s">
        <v>263</v>
      </c>
      <c r="G51" s="2" t="s">
        <v>95</v>
      </c>
      <c r="H51" s="4"/>
      <c r="I51" s="4"/>
      <c r="J51" s="4" t="s">
        <v>99</v>
      </c>
      <c r="K51" s="4" t="s">
        <v>68</v>
      </c>
      <c r="L51" s="4"/>
      <c r="M51" s="4"/>
      <c r="N51" s="4" t="s">
        <v>238</v>
      </c>
      <c r="O51" s="4" t="s">
        <v>123</v>
      </c>
      <c r="P51" s="8">
        <v>78</v>
      </c>
      <c r="Q51" s="4">
        <v>90</v>
      </c>
      <c r="R51" s="4" t="s">
        <v>83</v>
      </c>
      <c r="S51" s="4"/>
      <c r="T51" s="4" t="s">
        <v>30</v>
      </c>
      <c r="U51" s="4"/>
      <c r="V51" s="3" t="s">
        <v>36</v>
      </c>
      <c r="W51" s="4" t="s">
        <v>239</v>
      </c>
    </row>
    <row r="52" spans="1:23" s="11" customFormat="1" ht="409.5">
      <c r="A52" s="61">
        <v>615340021</v>
      </c>
      <c r="B52" s="62"/>
      <c r="C52" s="63" t="s">
        <v>240</v>
      </c>
      <c r="D52" s="65" t="s">
        <v>126</v>
      </c>
      <c r="E52" s="62" t="s">
        <v>27</v>
      </c>
      <c r="F52" s="47" t="s">
        <v>1793</v>
      </c>
      <c r="G52" s="2" t="s">
        <v>241</v>
      </c>
      <c r="H52" s="4"/>
      <c r="I52" s="4"/>
      <c r="J52" s="4" t="s">
        <v>99</v>
      </c>
      <c r="K52" s="8" t="s">
        <v>242</v>
      </c>
      <c r="L52" s="4"/>
      <c r="M52" s="4"/>
      <c r="N52" s="4" t="s">
        <v>243</v>
      </c>
      <c r="O52" s="4" t="s">
        <v>92</v>
      </c>
      <c r="P52" s="8">
        <v>360</v>
      </c>
      <c r="Q52" s="4">
        <v>450</v>
      </c>
      <c r="R52" s="4" t="s">
        <v>35</v>
      </c>
      <c r="S52" s="4"/>
      <c r="T52" s="4" t="s">
        <v>30</v>
      </c>
      <c r="U52" s="4"/>
      <c r="V52" s="3" t="s">
        <v>36</v>
      </c>
      <c r="W52" s="4" t="s">
        <v>244</v>
      </c>
    </row>
    <row r="53" spans="1:23" s="11" customFormat="1" ht="409.5">
      <c r="A53" s="61">
        <v>615340022</v>
      </c>
      <c r="B53" s="62"/>
      <c r="C53" s="63" t="s">
        <v>245</v>
      </c>
      <c r="D53" s="65" t="s">
        <v>126</v>
      </c>
      <c r="E53" s="62" t="s">
        <v>27</v>
      </c>
      <c r="F53" s="47" t="s">
        <v>1794</v>
      </c>
      <c r="G53" s="2" t="s">
        <v>247</v>
      </c>
      <c r="H53" s="4"/>
      <c r="I53" s="4"/>
      <c r="J53" s="4" t="s">
        <v>99</v>
      </c>
      <c r="K53" s="8" t="s">
        <v>242</v>
      </c>
      <c r="L53" s="4"/>
      <c r="M53" s="4"/>
      <c r="N53" s="4" t="s">
        <v>243</v>
      </c>
      <c r="O53" s="4" t="s">
        <v>92</v>
      </c>
      <c r="P53" s="8">
        <v>200</v>
      </c>
      <c r="Q53" s="4">
        <v>300</v>
      </c>
      <c r="R53" s="4" t="s">
        <v>35</v>
      </c>
      <c r="S53" s="4"/>
      <c r="T53" s="4" t="s">
        <v>30</v>
      </c>
      <c r="U53" s="4"/>
      <c r="V53" s="3" t="s">
        <v>36</v>
      </c>
      <c r="W53" s="4" t="s">
        <v>244</v>
      </c>
    </row>
    <row r="54" spans="1:23" s="11" customFormat="1" ht="15.5">
      <c r="A54" s="61">
        <v>615340023</v>
      </c>
      <c r="B54" s="62"/>
      <c r="C54" s="63" t="s">
        <v>248</v>
      </c>
      <c r="D54" s="65" t="s">
        <v>126</v>
      </c>
      <c r="E54" s="62" t="s">
        <v>27</v>
      </c>
      <c r="F54" s="47" t="s">
        <v>246</v>
      </c>
      <c r="G54" s="2" t="s">
        <v>247</v>
      </c>
      <c r="H54" s="4"/>
      <c r="I54" s="4"/>
      <c r="J54" s="4" t="s">
        <v>99</v>
      </c>
      <c r="K54" s="8" t="s">
        <v>242</v>
      </c>
      <c r="L54" s="4"/>
      <c r="M54" s="4"/>
      <c r="N54" s="4" t="s">
        <v>243</v>
      </c>
      <c r="O54" s="4" t="s">
        <v>92</v>
      </c>
      <c r="P54" s="8">
        <v>400</v>
      </c>
      <c r="Q54" s="4">
        <v>500</v>
      </c>
      <c r="R54" s="4" t="s">
        <v>35</v>
      </c>
      <c r="S54" s="4"/>
      <c r="T54" s="4" t="s">
        <v>30</v>
      </c>
      <c r="U54" s="4"/>
      <c r="V54" s="3" t="s">
        <v>36</v>
      </c>
      <c r="W54" s="4" t="s">
        <v>244</v>
      </c>
    </row>
    <row r="55" spans="1:23" s="11" customFormat="1" ht="409.5">
      <c r="A55" s="61">
        <v>615340028</v>
      </c>
      <c r="B55" s="62"/>
      <c r="C55" s="63" t="s">
        <v>249</v>
      </c>
      <c r="D55" s="65" t="s">
        <v>126</v>
      </c>
      <c r="E55" s="62" t="s">
        <v>27</v>
      </c>
      <c r="F55" s="47" t="s">
        <v>1793</v>
      </c>
      <c r="G55" s="2" t="s">
        <v>250</v>
      </c>
      <c r="H55" s="4"/>
      <c r="I55" s="4"/>
      <c r="J55" s="4" t="s">
        <v>99</v>
      </c>
      <c r="K55" s="8" t="s">
        <v>242</v>
      </c>
      <c r="L55" s="4"/>
      <c r="M55" s="4"/>
      <c r="N55" s="4" t="s">
        <v>243</v>
      </c>
      <c r="O55" s="4" t="s">
        <v>92</v>
      </c>
      <c r="P55" s="8">
        <v>140</v>
      </c>
      <c r="Q55" s="4">
        <v>160</v>
      </c>
      <c r="R55" s="4" t="s">
        <v>35</v>
      </c>
      <c r="S55" s="4"/>
      <c r="T55" s="4" t="s">
        <v>30</v>
      </c>
      <c r="U55" s="4"/>
      <c r="V55" s="3" t="s">
        <v>36</v>
      </c>
      <c r="W55" s="4" t="s">
        <v>244</v>
      </c>
    </row>
    <row r="56" spans="1:23" s="11" customFormat="1" ht="409.5">
      <c r="A56" s="61">
        <v>615340029</v>
      </c>
      <c r="B56" s="62"/>
      <c r="C56" s="63" t="s">
        <v>251</v>
      </c>
      <c r="D56" s="65" t="s">
        <v>126</v>
      </c>
      <c r="E56" s="62" t="s">
        <v>27</v>
      </c>
      <c r="F56" s="47" t="s">
        <v>1793</v>
      </c>
      <c r="G56" s="2" t="s">
        <v>252</v>
      </c>
      <c r="H56" s="4"/>
      <c r="I56" s="4"/>
      <c r="J56" s="4" t="s">
        <v>99</v>
      </c>
      <c r="K56" s="8" t="s">
        <v>242</v>
      </c>
      <c r="L56" s="4"/>
      <c r="M56" s="4"/>
      <c r="N56" s="4" t="s">
        <v>243</v>
      </c>
      <c r="O56" s="4" t="s">
        <v>92</v>
      </c>
      <c r="P56" s="8">
        <v>180</v>
      </c>
      <c r="Q56" s="4">
        <v>220</v>
      </c>
      <c r="R56" s="4" t="s">
        <v>35</v>
      </c>
      <c r="S56" s="4"/>
      <c r="T56" s="4" t="s">
        <v>30</v>
      </c>
      <c r="U56" s="4"/>
      <c r="V56" s="3" t="s">
        <v>36</v>
      </c>
      <c r="W56" s="4" t="s">
        <v>244</v>
      </c>
    </row>
    <row r="57" spans="1:23" s="11" customFormat="1" ht="409.5">
      <c r="A57" s="61">
        <v>615340030</v>
      </c>
      <c r="B57" s="67"/>
      <c r="C57" s="63" t="s">
        <v>253</v>
      </c>
      <c r="D57" s="65" t="s">
        <v>126</v>
      </c>
      <c r="E57" s="67" t="s">
        <v>27</v>
      </c>
      <c r="F57" s="48" t="s">
        <v>1793</v>
      </c>
      <c r="G57" s="12" t="s">
        <v>254</v>
      </c>
      <c r="H57" s="6"/>
      <c r="I57" s="6"/>
      <c r="J57" s="6" t="s">
        <v>99</v>
      </c>
      <c r="K57" s="13" t="s">
        <v>242</v>
      </c>
      <c r="L57" s="6"/>
      <c r="M57" s="6"/>
      <c r="N57" s="6" t="s">
        <v>243</v>
      </c>
      <c r="O57" s="6" t="s">
        <v>92</v>
      </c>
      <c r="P57" s="13">
        <v>300</v>
      </c>
      <c r="Q57" s="6">
        <v>330</v>
      </c>
      <c r="R57" s="6" t="s">
        <v>35</v>
      </c>
      <c r="S57" s="6"/>
      <c r="T57" s="6" t="s">
        <v>30</v>
      </c>
      <c r="U57" s="6"/>
      <c r="V57" s="3" t="s">
        <v>36</v>
      </c>
      <c r="W57" s="6" t="s">
        <v>244</v>
      </c>
    </row>
    <row r="58" spans="1:23" s="11" customFormat="1" ht="409.5">
      <c r="A58" s="61">
        <v>331330031</v>
      </c>
      <c r="B58" s="67"/>
      <c r="C58" s="63" t="s">
        <v>255</v>
      </c>
      <c r="D58" s="65" t="s">
        <v>124</v>
      </c>
      <c r="E58" s="67" t="s">
        <v>256</v>
      </c>
      <c r="F58" s="48" t="s">
        <v>1795</v>
      </c>
      <c r="G58" s="12"/>
      <c r="H58" s="6"/>
      <c r="I58" s="6"/>
      <c r="J58" s="6" t="s">
        <v>257</v>
      </c>
      <c r="K58" s="13" t="s">
        <v>258</v>
      </c>
      <c r="L58" s="6"/>
      <c r="M58" s="6"/>
      <c r="N58" s="6" t="s">
        <v>259</v>
      </c>
      <c r="O58" s="6" t="s">
        <v>260</v>
      </c>
      <c r="P58" s="13">
        <v>20</v>
      </c>
      <c r="Q58" s="6">
        <v>45</v>
      </c>
      <c r="R58" s="6" t="s">
        <v>83</v>
      </c>
      <c r="S58" s="6"/>
      <c r="T58" s="6" t="s">
        <v>71</v>
      </c>
      <c r="U58" s="6"/>
      <c r="V58" s="3" t="s">
        <v>36</v>
      </c>
      <c r="W58" s="6" t="s">
        <v>261</v>
      </c>
    </row>
    <row r="59" spans="1:23" s="11" customFormat="1" ht="409.5">
      <c r="A59" s="61">
        <v>331330030</v>
      </c>
      <c r="B59" s="67"/>
      <c r="C59" s="63" t="s">
        <v>262</v>
      </c>
      <c r="D59" s="65" t="s">
        <v>124</v>
      </c>
      <c r="E59" s="67" t="s">
        <v>256</v>
      </c>
      <c r="F59" s="48" t="s">
        <v>1795</v>
      </c>
      <c r="G59" s="12"/>
      <c r="H59" s="6"/>
      <c r="I59" s="6"/>
      <c r="J59" s="6" t="s">
        <v>257</v>
      </c>
      <c r="K59" s="13" t="s">
        <v>258</v>
      </c>
      <c r="L59" s="6"/>
      <c r="M59" s="6"/>
      <c r="N59" s="6" t="s">
        <v>259</v>
      </c>
      <c r="O59" s="6" t="s">
        <v>260</v>
      </c>
      <c r="P59" s="13">
        <v>50</v>
      </c>
      <c r="Q59" s="6">
        <v>130</v>
      </c>
      <c r="R59" s="6" t="s">
        <v>83</v>
      </c>
      <c r="S59" s="6"/>
      <c r="T59" s="6" t="s">
        <v>71</v>
      </c>
      <c r="U59" s="6"/>
      <c r="V59" s="3" t="s">
        <v>36</v>
      </c>
      <c r="W59" s="6" t="s">
        <v>261</v>
      </c>
    </row>
    <row r="60" spans="1:23" s="11" customFormat="1" ht="409.5">
      <c r="A60" s="61">
        <v>439330017</v>
      </c>
      <c r="B60" s="67" t="s">
        <v>264</v>
      </c>
      <c r="C60" s="63" t="s">
        <v>265</v>
      </c>
      <c r="D60" s="65" t="s">
        <v>124</v>
      </c>
      <c r="E60" s="67" t="s">
        <v>266</v>
      </c>
      <c r="F60" s="48" t="s">
        <v>1796</v>
      </c>
      <c r="G60" s="12" t="s">
        <v>267</v>
      </c>
      <c r="H60" s="6"/>
      <c r="I60" s="6"/>
      <c r="J60" s="6" t="s">
        <v>127</v>
      </c>
      <c r="K60" s="13" t="s">
        <v>268</v>
      </c>
      <c r="L60" s="6"/>
      <c r="M60" s="6"/>
      <c r="N60" s="6" t="s">
        <v>259</v>
      </c>
      <c r="O60" s="6" t="s">
        <v>269</v>
      </c>
      <c r="P60" s="13">
        <v>600</v>
      </c>
      <c r="Q60" s="6">
        <v>850</v>
      </c>
      <c r="R60" s="4" t="s">
        <v>35</v>
      </c>
      <c r="S60" s="6"/>
      <c r="T60" s="6" t="s">
        <v>71</v>
      </c>
      <c r="U60" s="6"/>
      <c r="V60" s="3" t="s">
        <v>36</v>
      </c>
      <c r="W60" s="6" t="s">
        <v>270</v>
      </c>
    </row>
    <row r="61" spans="1:23" s="11" customFormat="1" ht="409.5">
      <c r="A61" s="61">
        <v>439330017</v>
      </c>
      <c r="B61" s="67" t="s">
        <v>264</v>
      </c>
      <c r="C61" s="63" t="s">
        <v>265</v>
      </c>
      <c r="D61" s="65" t="s">
        <v>124</v>
      </c>
      <c r="E61" s="67" t="s">
        <v>266</v>
      </c>
      <c r="F61" s="48" t="s">
        <v>1796</v>
      </c>
      <c r="G61" s="12" t="s">
        <v>267</v>
      </c>
      <c r="H61" s="6"/>
      <c r="I61" s="6"/>
      <c r="J61" s="6" t="s">
        <v>127</v>
      </c>
      <c r="K61" s="13" t="s">
        <v>268</v>
      </c>
      <c r="L61" s="6"/>
      <c r="M61" s="6"/>
      <c r="N61" s="6" t="s">
        <v>259</v>
      </c>
      <c r="O61" s="6" t="s">
        <v>269</v>
      </c>
      <c r="P61" s="13">
        <v>600</v>
      </c>
      <c r="Q61" s="6">
        <v>850</v>
      </c>
      <c r="R61" s="4" t="s">
        <v>35</v>
      </c>
      <c r="S61" s="6"/>
      <c r="T61" s="6" t="s">
        <v>71</v>
      </c>
      <c r="U61" s="6"/>
      <c r="V61" s="3" t="s">
        <v>36</v>
      </c>
      <c r="W61" s="6" t="s">
        <v>270</v>
      </c>
    </row>
    <row r="62" spans="1:23" s="11" customFormat="1" ht="409.5">
      <c r="A62" s="61">
        <v>439330017</v>
      </c>
      <c r="B62" s="67" t="s">
        <v>264</v>
      </c>
      <c r="C62" s="63" t="s">
        <v>265</v>
      </c>
      <c r="D62" s="65" t="s">
        <v>124</v>
      </c>
      <c r="E62" s="67" t="s">
        <v>266</v>
      </c>
      <c r="F62" s="48" t="s">
        <v>1796</v>
      </c>
      <c r="G62" s="12" t="s">
        <v>267</v>
      </c>
      <c r="H62" s="6"/>
      <c r="I62" s="6"/>
      <c r="J62" s="6" t="s">
        <v>127</v>
      </c>
      <c r="K62" s="13" t="s">
        <v>268</v>
      </c>
      <c r="L62" s="6"/>
      <c r="M62" s="6"/>
      <c r="N62" s="6" t="s">
        <v>259</v>
      </c>
      <c r="O62" s="6" t="s">
        <v>269</v>
      </c>
      <c r="P62" s="13">
        <v>600</v>
      </c>
      <c r="Q62" s="6">
        <v>850</v>
      </c>
      <c r="R62" s="4" t="s">
        <v>35</v>
      </c>
      <c r="S62" s="6"/>
      <c r="T62" s="6" t="s">
        <v>71</v>
      </c>
      <c r="U62" s="6"/>
      <c r="V62" s="3" t="s">
        <v>36</v>
      </c>
      <c r="W62" s="6" t="s">
        <v>270</v>
      </c>
    </row>
    <row r="63" spans="1:23" s="11" customFormat="1" ht="409.5">
      <c r="A63" s="61">
        <v>439330018</v>
      </c>
      <c r="B63" s="68" t="s">
        <v>264</v>
      </c>
      <c r="C63" s="63" t="s">
        <v>271</v>
      </c>
      <c r="D63" s="65" t="s">
        <v>124</v>
      </c>
      <c r="E63" s="68" t="s">
        <v>266</v>
      </c>
      <c r="F63" s="49" t="s">
        <v>1797</v>
      </c>
      <c r="G63" s="14" t="s">
        <v>272</v>
      </c>
      <c r="H63" s="15"/>
      <c r="I63" s="15"/>
      <c r="J63" s="15" t="s">
        <v>127</v>
      </c>
      <c r="K63" s="16" t="s">
        <v>268</v>
      </c>
      <c r="L63" s="15"/>
      <c r="M63" s="15"/>
      <c r="N63" s="15" t="s">
        <v>259</v>
      </c>
      <c r="O63" s="15" t="s">
        <v>273</v>
      </c>
      <c r="P63" s="16">
        <v>500</v>
      </c>
      <c r="Q63" s="15">
        <v>750</v>
      </c>
      <c r="R63" s="4" t="s">
        <v>35</v>
      </c>
      <c r="S63" s="15"/>
      <c r="T63" s="15" t="s">
        <v>71</v>
      </c>
      <c r="U63" s="15"/>
      <c r="V63" s="3" t="s">
        <v>36</v>
      </c>
      <c r="W63" s="15" t="s">
        <v>270</v>
      </c>
    </row>
    <row r="64" spans="1:23" s="11" customFormat="1" ht="409.5">
      <c r="A64" s="61">
        <v>439330019</v>
      </c>
      <c r="B64" s="67" t="s">
        <v>264</v>
      </c>
      <c r="C64" s="63" t="s">
        <v>274</v>
      </c>
      <c r="D64" s="65" t="s">
        <v>124</v>
      </c>
      <c r="E64" s="67" t="s">
        <v>266</v>
      </c>
      <c r="F64" s="49" t="s">
        <v>1797</v>
      </c>
      <c r="G64" s="12" t="s">
        <v>275</v>
      </c>
      <c r="H64" s="6"/>
      <c r="I64" s="6"/>
      <c r="J64" s="6" t="s">
        <v>127</v>
      </c>
      <c r="K64" s="13" t="s">
        <v>268</v>
      </c>
      <c r="L64" s="6"/>
      <c r="M64" s="6"/>
      <c r="N64" s="6" t="s">
        <v>259</v>
      </c>
      <c r="O64" s="6" t="s">
        <v>273</v>
      </c>
      <c r="P64" s="13">
        <v>550</v>
      </c>
      <c r="Q64" s="6">
        <v>850</v>
      </c>
      <c r="R64" s="6" t="s">
        <v>35</v>
      </c>
      <c r="S64" s="6"/>
      <c r="T64" s="6" t="s">
        <v>71</v>
      </c>
      <c r="U64" s="6"/>
      <c r="V64" s="3" t="s">
        <v>36</v>
      </c>
      <c r="W64" s="6" t="s">
        <v>270</v>
      </c>
    </row>
    <row r="65" spans="1:23" s="11" customFormat="1" ht="409.5">
      <c r="A65" s="61">
        <v>345330001</v>
      </c>
      <c r="B65" s="69" t="s">
        <v>276</v>
      </c>
      <c r="C65" s="63" t="s">
        <v>277</v>
      </c>
      <c r="D65" s="65" t="s">
        <v>124</v>
      </c>
      <c r="E65" s="69" t="s">
        <v>266</v>
      </c>
      <c r="F65" s="50" t="s">
        <v>1798</v>
      </c>
      <c r="G65" s="17" t="s">
        <v>279</v>
      </c>
      <c r="H65" s="18"/>
      <c r="I65" s="18"/>
      <c r="J65" s="18" t="s">
        <v>127</v>
      </c>
      <c r="K65" s="19" t="s">
        <v>268</v>
      </c>
      <c r="L65" s="18"/>
      <c r="M65" s="18"/>
      <c r="N65" s="18" t="s">
        <v>259</v>
      </c>
      <c r="O65" s="18" t="s">
        <v>273</v>
      </c>
      <c r="P65" s="19">
        <v>800</v>
      </c>
      <c r="Q65" s="20">
        <v>1390</v>
      </c>
      <c r="R65" s="5" t="s">
        <v>35</v>
      </c>
      <c r="S65" s="18"/>
      <c r="T65" s="18" t="s">
        <v>71</v>
      </c>
      <c r="U65" s="18"/>
      <c r="V65" s="3" t="s">
        <v>36</v>
      </c>
      <c r="W65" s="18" t="s">
        <v>280</v>
      </c>
    </row>
    <row r="66" spans="1:23" s="11" customFormat="1" ht="403">
      <c r="A66" s="61">
        <v>345330002</v>
      </c>
      <c r="B66" s="67" t="s">
        <v>276</v>
      </c>
      <c r="C66" s="63" t="s">
        <v>281</v>
      </c>
      <c r="D66" s="65" t="s">
        <v>124</v>
      </c>
      <c r="E66" s="67" t="s">
        <v>266</v>
      </c>
      <c r="F66" s="48" t="s">
        <v>1799</v>
      </c>
      <c r="G66" s="12" t="s">
        <v>282</v>
      </c>
      <c r="H66" s="6"/>
      <c r="I66" s="6"/>
      <c r="J66" s="6" t="s">
        <v>127</v>
      </c>
      <c r="K66" s="13" t="s">
        <v>268</v>
      </c>
      <c r="L66" s="6"/>
      <c r="M66" s="6"/>
      <c r="N66" s="6" t="s">
        <v>259</v>
      </c>
      <c r="O66" s="6" t="s">
        <v>273</v>
      </c>
      <c r="P66" s="13">
        <v>350</v>
      </c>
      <c r="Q66" s="21">
        <v>690</v>
      </c>
      <c r="R66" s="4" t="s">
        <v>35</v>
      </c>
      <c r="S66" s="6"/>
      <c r="T66" s="6" t="s">
        <v>71</v>
      </c>
      <c r="U66" s="6"/>
      <c r="V66" s="3" t="s">
        <v>36</v>
      </c>
      <c r="W66" s="6" t="s">
        <v>280</v>
      </c>
    </row>
    <row r="67" spans="1:23" s="11" customFormat="1" ht="409.5">
      <c r="A67" s="61">
        <v>345330003</v>
      </c>
      <c r="B67" s="67" t="s">
        <v>276</v>
      </c>
      <c r="C67" s="63" t="s">
        <v>283</v>
      </c>
      <c r="D67" s="65" t="s">
        <v>124</v>
      </c>
      <c r="E67" s="67" t="s">
        <v>266</v>
      </c>
      <c r="F67" s="48" t="s">
        <v>1799</v>
      </c>
      <c r="G67" s="12" t="s">
        <v>284</v>
      </c>
      <c r="H67" s="6"/>
      <c r="I67" s="6"/>
      <c r="J67" s="6" t="s">
        <v>127</v>
      </c>
      <c r="K67" s="13" t="s">
        <v>268</v>
      </c>
      <c r="L67" s="6"/>
      <c r="M67" s="6"/>
      <c r="N67" s="6" t="s">
        <v>259</v>
      </c>
      <c r="O67" s="6" t="s">
        <v>273</v>
      </c>
      <c r="P67" s="13">
        <v>400</v>
      </c>
      <c r="Q67" s="6">
        <v>850</v>
      </c>
      <c r="R67" s="4" t="s">
        <v>35</v>
      </c>
      <c r="S67" s="6"/>
      <c r="T67" s="6" t="s">
        <v>71</v>
      </c>
      <c r="U67" s="6"/>
      <c r="V67" s="3" t="s">
        <v>36</v>
      </c>
      <c r="W67" s="6" t="s">
        <v>280</v>
      </c>
    </row>
    <row r="68" spans="1:23" s="11" customFormat="1" ht="409.5">
      <c r="A68" s="61">
        <v>345330004</v>
      </c>
      <c r="B68" s="67" t="s">
        <v>276</v>
      </c>
      <c r="C68" s="63" t="s">
        <v>285</v>
      </c>
      <c r="D68" s="65" t="s">
        <v>124</v>
      </c>
      <c r="E68" s="67" t="s">
        <v>266</v>
      </c>
      <c r="F68" s="48" t="s">
        <v>1799</v>
      </c>
      <c r="G68" s="12" t="s">
        <v>286</v>
      </c>
      <c r="H68" s="6"/>
      <c r="I68" s="6"/>
      <c r="J68" s="6" t="s">
        <v>127</v>
      </c>
      <c r="K68" s="13" t="s">
        <v>268</v>
      </c>
      <c r="L68" s="6"/>
      <c r="M68" s="6"/>
      <c r="N68" s="6" t="s">
        <v>259</v>
      </c>
      <c r="O68" s="6" t="s">
        <v>273</v>
      </c>
      <c r="P68" s="37">
        <v>1300</v>
      </c>
      <c r="Q68" s="21">
        <v>2500</v>
      </c>
      <c r="R68" s="4" t="s">
        <v>35</v>
      </c>
      <c r="S68" s="6"/>
      <c r="T68" s="6" t="s">
        <v>71</v>
      </c>
      <c r="U68" s="6"/>
      <c r="V68" s="3" t="s">
        <v>36</v>
      </c>
      <c r="W68" s="6" t="s">
        <v>280</v>
      </c>
    </row>
    <row r="69" spans="1:23" s="11" customFormat="1" ht="409.5">
      <c r="A69" s="61">
        <v>345330005</v>
      </c>
      <c r="B69" s="67" t="s">
        <v>276</v>
      </c>
      <c r="C69" s="63" t="s">
        <v>287</v>
      </c>
      <c r="D69" s="65" t="s">
        <v>124</v>
      </c>
      <c r="E69" s="67" t="s">
        <v>266</v>
      </c>
      <c r="F69" s="48" t="s">
        <v>1799</v>
      </c>
      <c r="G69" s="12" t="s">
        <v>288</v>
      </c>
      <c r="H69" s="6"/>
      <c r="I69" s="6"/>
      <c r="J69" s="6" t="s">
        <v>127</v>
      </c>
      <c r="K69" s="13" t="s">
        <v>268</v>
      </c>
      <c r="L69" s="6"/>
      <c r="M69" s="6"/>
      <c r="N69" s="6" t="s">
        <v>259</v>
      </c>
      <c r="O69" s="6" t="s">
        <v>273</v>
      </c>
      <c r="P69" s="37">
        <v>1300</v>
      </c>
      <c r="Q69" s="21">
        <v>2500</v>
      </c>
      <c r="R69" s="4" t="s">
        <v>35</v>
      </c>
      <c r="S69" s="6"/>
      <c r="T69" s="6" t="s">
        <v>71</v>
      </c>
      <c r="U69" s="6"/>
      <c r="V69" s="3" t="s">
        <v>36</v>
      </c>
      <c r="W69" s="6" t="s">
        <v>280</v>
      </c>
    </row>
    <row r="70" spans="1:23" s="11" customFormat="1" ht="409.5">
      <c r="A70" s="61">
        <v>550330051</v>
      </c>
      <c r="B70" s="67" t="s">
        <v>289</v>
      </c>
      <c r="C70" s="63" t="s">
        <v>290</v>
      </c>
      <c r="D70" s="65" t="s">
        <v>124</v>
      </c>
      <c r="E70" s="67" t="s">
        <v>266</v>
      </c>
      <c r="F70" s="48" t="s">
        <v>1800</v>
      </c>
      <c r="G70" s="12" t="s">
        <v>291</v>
      </c>
      <c r="H70" s="6"/>
      <c r="I70" s="6"/>
      <c r="J70" s="6" t="s">
        <v>127</v>
      </c>
      <c r="K70" s="13" t="s">
        <v>268</v>
      </c>
      <c r="L70" s="6"/>
      <c r="M70" s="6"/>
      <c r="N70" s="6" t="s">
        <v>259</v>
      </c>
      <c r="O70" s="6" t="s">
        <v>273</v>
      </c>
      <c r="P70" s="13">
        <v>850</v>
      </c>
      <c r="Q70" s="21">
        <v>1390</v>
      </c>
      <c r="R70" s="4" t="s">
        <v>35</v>
      </c>
      <c r="S70" s="6"/>
      <c r="T70" s="6" t="s">
        <v>71</v>
      </c>
      <c r="U70" s="6"/>
      <c r="V70" s="3" t="s">
        <v>36</v>
      </c>
      <c r="W70" s="6" t="s">
        <v>292</v>
      </c>
    </row>
    <row r="71" spans="1:23" s="11" customFormat="1" ht="409.5">
      <c r="A71" s="61">
        <v>550330052</v>
      </c>
      <c r="B71" s="67" t="s">
        <v>289</v>
      </c>
      <c r="C71" s="63" t="s">
        <v>293</v>
      </c>
      <c r="D71" s="65" t="s">
        <v>124</v>
      </c>
      <c r="E71" s="67" t="s">
        <v>266</v>
      </c>
      <c r="F71" s="48" t="s">
        <v>1801</v>
      </c>
      <c r="G71" s="12" t="s">
        <v>294</v>
      </c>
      <c r="H71" s="6"/>
      <c r="I71" s="6"/>
      <c r="J71" s="6" t="s">
        <v>127</v>
      </c>
      <c r="K71" s="13" t="s">
        <v>268</v>
      </c>
      <c r="L71" s="6"/>
      <c r="M71" s="6"/>
      <c r="N71" s="6" t="s">
        <v>259</v>
      </c>
      <c r="O71" s="6" t="s">
        <v>273</v>
      </c>
      <c r="P71" s="13">
        <v>850</v>
      </c>
      <c r="Q71" s="6">
        <v>990</v>
      </c>
      <c r="R71" s="4" t="s">
        <v>35</v>
      </c>
      <c r="S71" s="6"/>
      <c r="T71" s="6" t="s">
        <v>71</v>
      </c>
      <c r="U71" s="6"/>
      <c r="V71" s="3" t="s">
        <v>36</v>
      </c>
      <c r="W71" s="6" t="s">
        <v>292</v>
      </c>
    </row>
    <row r="72" spans="1:23" s="11" customFormat="1" ht="409.5">
      <c r="A72" s="61">
        <v>550330053</v>
      </c>
      <c r="B72" s="67" t="s">
        <v>289</v>
      </c>
      <c r="C72" s="63" t="s">
        <v>295</v>
      </c>
      <c r="D72" s="65" t="s">
        <v>124</v>
      </c>
      <c r="E72" s="67" t="s">
        <v>266</v>
      </c>
      <c r="F72" s="48" t="s">
        <v>1800</v>
      </c>
      <c r="G72" s="12" t="s">
        <v>296</v>
      </c>
      <c r="H72" s="6"/>
      <c r="I72" s="6"/>
      <c r="J72" s="6" t="s">
        <v>127</v>
      </c>
      <c r="K72" s="13" t="s">
        <v>268</v>
      </c>
      <c r="L72" s="6"/>
      <c r="M72" s="6"/>
      <c r="N72" s="6" t="s">
        <v>259</v>
      </c>
      <c r="O72" s="6" t="s">
        <v>273</v>
      </c>
      <c r="P72" s="13">
        <v>850</v>
      </c>
      <c r="Q72" s="21">
        <v>1390</v>
      </c>
      <c r="R72" s="4" t="s">
        <v>35</v>
      </c>
      <c r="S72" s="6"/>
      <c r="T72" s="6" t="s">
        <v>71</v>
      </c>
      <c r="U72" s="6"/>
      <c r="V72" s="3" t="s">
        <v>36</v>
      </c>
      <c r="W72" s="6" t="s">
        <v>292</v>
      </c>
    </row>
    <row r="73" spans="1:23" s="11" customFormat="1" ht="403">
      <c r="A73" s="61">
        <v>550330054</v>
      </c>
      <c r="B73" s="67" t="s">
        <v>289</v>
      </c>
      <c r="C73" s="63" t="s">
        <v>297</v>
      </c>
      <c r="D73" s="65" t="s">
        <v>124</v>
      </c>
      <c r="E73" s="67" t="s">
        <v>266</v>
      </c>
      <c r="F73" s="48" t="s">
        <v>1800</v>
      </c>
      <c r="G73" s="12" t="s">
        <v>298</v>
      </c>
      <c r="H73" s="6"/>
      <c r="I73" s="6"/>
      <c r="J73" s="6" t="s">
        <v>127</v>
      </c>
      <c r="K73" s="13" t="s">
        <v>268</v>
      </c>
      <c r="L73" s="6"/>
      <c r="M73" s="6"/>
      <c r="N73" s="6" t="s">
        <v>259</v>
      </c>
      <c r="O73" s="6" t="s">
        <v>273</v>
      </c>
      <c r="P73" s="13">
        <v>700</v>
      </c>
      <c r="Q73" s="21">
        <v>1200</v>
      </c>
      <c r="R73" s="4" t="s">
        <v>35</v>
      </c>
      <c r="S73" s="6"/>
      <c r="T73" s="6" t="s">
        <v>71</v>
      </c>
      <c r="U73" s="6"/>
      <c r="V73" s="3" t="s">
        <v>36</v>
      </c>
      <c r="W73" s="6" t="s">
        <v>292</v>
      </c>
    </row>
    <row r="74" spans="1:23" s="11" customFormat="1" ht="409.5">
      <c r="A74" s="61">
        <v>880330023</v>
      </c>
      <c r="B74" s="67"/>
      <c r="C74" s="63" t="s">
        <v>299</v>
      </c>
      <c r="D74" s="65" t="s">
        <v>124</v>
      </c>
      <c r="E74" s="67" t="s">
        <v>27</v>
      </c>
      <c r="F74" s="48" t="s">
        <v>1802</v>
      </c>
      <c r="G74" s="12" t="s">
        <v>301</v>
      </c>
      <c r="H74" s="6"/>
      <c r="I74" s="6"/>
      <c r="J74" s="6" t="s">
        <v>99</v>
      </c>
      <c r="K74" s="13" t="s">
        <v>242</v>
      </c>
      <c r="L74" s="6"/>
      <c r="M74" s="6"/>
      <c r="N74" s="6" t="s">
        <v>259</v>
      </c>
      <c r="O74" s="6" t="s">
        <v>273</v>
      </c>
      <c r="P74" s="13">
        <v>600</v>
      </c>
      <c r="Q74" s="6">
        <v>850</v>
      </c>
      <c r="R74" s="6" t="s">
        <v>83</v>
      </c>
      <c r="S74" s="6"/>
      <c r="T74" s="6" t="s">
        <v>71</v>
      </c>
      <c r="U74" s="6"/>
      <c r="V74" s="3" t="s">
        <v>36</v>
      </c>
      <c r="W74" s="6" t="s">
        <v>302</v>
      </c>
    </row>
    <row r="75" spans="1:23" s="11" customFormat="1" ht="409.5">
      <c r="A75" s="61">
        <v>880330024</v>
      </c>
      <c r="B75" s="67"/>
      <c r="C75" s="63" t="s">
        <v>303</v>
      </c>
      <c r="D75" s="65" t="s">
        <v>124</v>
      </c>
      <c r="E75" s="67" t="s">
        <v>27</v>
      </c>
      <c r="F75" s="48" t="s">
        <v>1803</v>
      </c>
      <c r="G75" s="12" t="s">
        <v>304</v>
      </c>
      <c r="H75" s="6"/>
      <c r="I75" s="6"/>
      <c r="J75" s="6" t="s">
        <v>99</v>
      </c>
      <c r="K75" s="13" t="s">
        <v>242</v>
      </c>
      <c r="L75" s="6"/>
      <c r="M75" s="6"/>
      <c r="N75" s="6" t="s">
        <v>259</v>
      </c>
      <c r="O75" s="6" t="s">
        <v>273</v>
      </c>
      <c r="P75" s="13">
        <v>180</v>
      </c>
      <c r="Q75" s="6">
        <v>270</v>
      </c>
      <c r="R75" s="6" t="s">
        <v>83</v>
      </c>
      <c r="S75" s="6"/>
      <c r="T75" s="6" t="s">
        <v>71</v>
      </c>
      <c r="U75" s="6"/>
      <c r="V75" s="3" t="s">
        <v>36</v>
      </c>
      <c r="W75" s="6" t="s">
        <v>302</v>
      </c>
    </row>
    <row r="76" spans="1:23" s="11" customFormat="1" ht="15.5">
      <c r="A76" s="61">
        <v>880330025</v>
      </c>
      <c r="B76" s="67"/>
      <c r="C76" s="63" t="s">
        <v>305</v>
      </c>
      <c r="D76" s="65" t="s">
        <v>124</v>
      </c>
      <c r="E76" s="67" t="s">
        <v>27</v>
      </c>
      <c r="F76" s="48" t="s">
        <v>300</v>
      </c>
      <c r="G76" s="12" t="s">
        <v>306</v>
      </c>
      <c r="H76" s="6"/>
      <c r="I76" s="6"/>
      <c r="J76" s="6" t="s">
        <v>99</v>
      </c>
      <c r="K76" s="13" t="s">
        <v>242</v>
      </c>
      <c r="L76" s="6"/>
      <c r="M76" s="6"/>
      <c r="N76" s="6" t="s">
        <v>259</v>
      </c>
      <c r="O76" s="6" t="s">
        <v>273</v>
      </c>
      <c r="P76" s="13">
        <v>400</v>
      </c>
      <c r="Q76" s="6">
        <v>650</v>
      </c>
      <c r="R76" s="6" t="s">
        <v>83</v>
      </c>
      <c r="S76" s="6"/>
      <c r="T76" s="6" t="s">
        <v>71</v>
      </c>
      <c r="U76" s="6"/>
      <c r="V76" s="3" t="s">
        <v>36</v>
      </c>
      <c r="W76" s="6" t="s">
        <v>302</v>
      </c>
    </row>
    <row r="77" spans="1:23" s="11" customFormat="1" ht="409.5">
      <c r="A77" s="61">
        <v>880330026</v>
      </c>
      <c r="B77" s="67"/>
      <c r="C77" s="63" t="s">
        <v>307</v>
      </c>
      <c r="D77" s="65" t="s">
        <v>124</v>
      </c>
      <c r="E77" s="67" t="s">
        <v>27</v>
      </c>
      <c r="F77" s="48" t="s">
        <v>1804</v>
      </c>
      <c r="G77" s="12" t="s">
        <v>308</v>
      </c>
      <c r="H77" s="6"/>
      <c r="I77" s="6"/>
      <c r="J77" s="6" t="s">
        <v>99</v>
      </c>
      <c r="K77" s="13" t="s">
        <v>242</v>
      </c>
      <c r="L77" s="6"/>
      <c r="M77" s="6"/>
      <c r="N77" s="6" t="s">
        <v>259</v>
      </c>
      <c r="O77" s="6" t="s">
        <v>273</v>
      </c>
      <c r="P77" s="13">
        <v>140</v>
      </c>
      <c r="Q77" s="6">
        <v>230</v>
      </c>
      <c r="R77" s="6" t="s">
        <v>83</v>
      </c>
      <c r="S77" s="6"/>
      <c r="T77" s="6" t="s">
        <v>71</v>
      </c>
      <c r="U77" s="6"/>
      <c r="V77" s="3" t="s">
        <v>36</v>
      </c>
      <c r="W77" s="6" t="s">
        <v>302</v>
      </c>
    </row>
    <row r="78" spans="1:23" s="11" customFormat="1" ht="409.5">
      <c r="A78" s="61">
        <v>880340027</v>
      </c>
      <c r="B78" s="67"/>
      <c r="C78" s="63" t="s">
        <v>309</v>
      </c>
      <c r="D78" s="65" t="s">
        <v>126</v>
      </c>
      <c r="E78" s="67" t="s">
        <v>27</v>
      </c>
      <c r="F78" s="48" t="s">
        <v>1805</v>
      </c>
      <c r="G78" s="12"/>
      <c r="H78" s="6"/>
      <c r="I78" s="6"/>
      <c r="J78" s="6" t="s">
        <v>99</v>
      </c>
      <c r="K78" s="13" t="s">
        <v>242</v>
      </c>
      <c r="L78" s="6"/>
      <c r="M78" s="6"/>
      <c r="N78" s="6" t="s">
        <v>259</v>
      </c>
      <c r="O78" s="6" t="s">
        <v>273</v>
      </c>
      <c r="P78" s="13">
        <v>45</v>
      </c>
      <c r="Q78" s="6">
        <v>70</v>
      </c>
      <c r="R78" s="6" t="s">
        <v>83</v>
      </c>
      <c r="S78" s="6"/>
      <c r="T78" s="6" t="s">
        <v>71</v>
      </c>
      <c r="U78" s="6"/>
      <c r="V78" s="3" t="s">
        <v>36</v>
      </c>
      <c r="W78" s="6" t="s">
        <v>302</v>
      </c>
    </row>
    <row r="79" spans="1:23" s="11" customFormat="1" ht="387.5">
      <c r="A79" s="61">
        <v>438330005</v>
      </c>
      <c r="B79" s="67" t="s">
        <v>310</v>
      </c>
      <c r="C79" s="63" t="s">
        <v>311</v>
      </c>
      <c r="D79" s="65" t="s">
        <v>124</v>
      </c>
      <c r="E79" s="67" t="s">
        <v>266</v>
      </c>
      <c r="F79" s="48" t="s">
        <v>1806</v>
      </c>
      <c r="G79" s="12" t="s">
        <v>312</v>
      </c>
      <c r="H79" s="6"/>
      <c r="I79" s="6"/>
      <c r="J79" s="6" t="s">
        <v>127</v>
      </c>
      <c r="K79" s="13" t="s">
        <v>313</v>
      </c>
      <c r="L79" s="6"/>
      <c r="M79" s="6"/>
      <c r="N79" s="6" t="s">
        <v>259</v>
      </c>
      <c r="O79" s="6" t="s">
        <v>273</v>
      </c>
      <c r="P79" s="13">
        <v>500</v>
      </c>
      <c r="Q79" s="6">
        <v>750</v>
      </c>
      <c r="R79" s="4" t="s">
        <v>35</v>
      </c>
      <c r="S79" s="6"/>
      <c r="T79" s="6" t="s">
        <v>71</v>
      </c>
      <c r="U79" s="6"/>
      <c r="V79" s="3" t="s">
        <v>36</v>
      </c>
      <c r="W79" s="6" t="s">
        <v>314</v>
      </c>
    </row>
    <row r="80" spans="1:23" s="11" customFormat="1" ht="387.5">
      <c r="A80" s="61">
        <v>438330005</v>
      </c>
      <c r="B80" s="67" t="s">
        <v>310</v>
      </c>
      <c r="C80" s="63" t="s">
        <v>311</v>
      </c>
      <c r="D80" s="65" t="s">
        <v>124</v>
      </c>
      <c r="E80" s="67" t="s">
        <v>266</v>
      </c>
      <c r="F80" s="48" t="s">
        <v>1806</v>
      </c>
      <c r="G80" s="12" t="s">
        <v>315</v>
      </c>
      <c r="H80" s="6"/>
      <c r="I80" s="6"/>
      <c r="J80" s="6" t="s">
        <v>127</v>
      </c>
      <c r="K80" s="13" t="s">
        <v>313</v>
      </c>
      <c r="L80" s="6"/>
      <c r="M80" s="6"/>
      <c r="N80" s="6" t="s">
        <v>259</v>
      </c>
      <c r="O80" s="6" t="s">
        <v>273</v>
      </c>
      <c r="P80" s="13">
        <v>500</v>
      </c>
      <c r="Q80" s="6">
        <v>750</v>
      </c>
      <c r="R80" s="4" t="s">
        <v>35</v>
      </c>
      <c r="S80" s="6"/>
      <c r="T80" s="6" t="s">
        <v>71</v>
      </c>
      <c r="U80" s="6"/>
      <c r="V80" s="3" t="s">
        <v>36</v>
      </c>
      <c r="W80" s="6" t="s">
        <v>314</v>
      </c>
    </row>
    <row r="81" spans="1:23" s="11" customFormat="1" ht="387.5">
      <c r="A81" s="61">
        <v>438330006</v>
      </c>
      <c r="B81" s="67" t="s">
        <v>310</v>
      </c>
      <c r="C81" s="63" t="s">
        <v>316</v>
      </c>
      <c r="D81" s="65" t="s">
        <v>124</v>
      </c>
      <c r="E81" s="67" t="s">
        <v>266</v>
      </c>
      <c r="F81" s="48" t="s">
        <v>1807</v>
      </c>
      <c r="G81" s="12" t="s">
        <v>318</v>
      </c>
      <c r="H81" s="6"/>
      <c r="I81" s="6"/>
      <c r="J81" s="6" t="s">
        <v>127</v>
      </c>
      <c r="K81" s="13" t="s">
        <v>313</v>
      </c>
      <c r="L81" s="6"/>
      <c r="M81" s="6"/>
      <c r="N81" s="6" t="s">
        <v>259</v>
      </c>
      <c r="O81" s="6" t="s">
        <v>273</v>
      </c>
      <c r="P81" s="37">
        <v>1200</v>
      </c>
      <c r="Q81" s="21">
        <v>1890</v>
      </c>
      <c r="R81" s="4" t="s">
        <v>35</v>
      </c>
      <c r="S81" s="6"/>
      <c r="T81" s="6" t="s">
        <v>71</v>
      </c>
      <c r="U81" s="6"/>
      <c r="V81" s="3" t="s">
        <v>36</v>
      </c>
      <c r="W81" s="6" t="s">
        <v>314</v>
      </c>
    </row>
    <row r="82" spans="1:23" s="11" customFormat="1" ht="387.5">
      <c r="A82" s="61">
        <v>438330006</v>
      </c>
      <c r="B82" s="67" t="s">
        <v>310</v>
      </c>
      <c r="C82" s="63" t="s">
        <v>316</v>
      </c>
      <c r="D82" s="65" t="s">
        <v>124</v>
      </c>
      <c r="E82" s="67" t="s">
        <v>266</v>
      </c>
      <c r="F82" s="48" t="s">
        <v>1807</v>
      </c>
      <c r="G82" s="12" t="s">
        <v>318</v>
      </c>
      <c r="H82" s="6"/>
      <c r="I82" s="6"/>
      <c r="J82" s="6" t="s">
        <v>127</v>
      </c>
      <c r="K82" s="13" t="s">
        <v>313</v>
      </c>
      <c r="L82" s="6"/>
      <c r="M82" s="6"/>
      <c r="N82" s="6" t="s">
        <v>259</v>
      </c>
      <c r="O82" s="6" t="s">
        <v>273</v>
      </c>
      <c r="P82" s="37">
        <v>1200</v>
      </c>
      <c r="Q82" s="21">
        <v>1890</v>
      </c>
      <c r="R82" s="6" t="s">
        <v>35</v>
      </c>
      <c r="S82" s="6"/>
      <c r="T82" s="6" t="s">
        <v>71</v>
      </c>
      <c r="U82" s="6"/>
      <c r="V82" s="3" t="s">
        <v>36</v>
      </c>
      <c r="W82" s="6" t="s">
        <v>314</v>
      </c>
    </row>
    <row r="83" spans="1:23" s="11" customFormat="1" ht="409.5">
      <c r="A83" s="61">
        <v>438330007</v>
      </c>
      <c r="B83" s="67" t="s">
        <v>310</v>
      </c>
      <c r="C83" s="63" t="s">
        <v>319</v>
      </c>
      <c r="D83" s="65" t="s">
        <v>124</v>
      </c>
      <c r="E83" s="67" t="s">
        <v>266</v>
      </c>
      <c r="F83" s="48" t="s">
        <v>1807</v>
      </c>
      <c r="G83" s="22" t="s">
        <v>320</v>
      </c>
      <c r="H83" s="6"/>
      <c r="I83" s="6"/>
      <c r="J83" s="6" t="s">
        <v>127</v>
      </c>
      <c r="K83" s="13" t="s">
        <v>313</v>
      </c>
      <c r="L83" s="6"/>
      <c r="M83" s="6"/>
      <c r="N83" s="6" t="s">
        <v>259</v>
      </c>
      <c r="O83" s="6" t="s">
        <v>273</v>
      </c>
      <c r="P83" s="13">
        <v>900</v>
      </c>
      <c r="Q83" s="21">
        <v>300</v>
      </c>
      <c r="R83" s="6" t="s">
        <v>35</v>
      </c>
      <c r="S83" s="6"/>
      <c r="T83" s="6" t="s">
        <v>71</v>
      </c>
      <c r="U83" s="6"/>
      <c r="V83" s="3" t="s">
        <v>36</v>
      </c>
      <c r="W83" s="6" t="s">
        <v>314</v>
      </c>
    </row>
    <row r="84" spans="1:23" s="11" customFormat="1" ht="409.5">
      <c r="A84" s="61">
        <v>438330007</v>
      </c>
      <c r="B84" s="67" t="s">
        <v>310</v>
      </c>
      <c r="C84" s="63" t="s">
        <v>319</v>
      </c>
      <c r="D84" s="65" t="s">
        <v>124</v>
      </c>
      <c r="E84" s="67" t="s">
        <v>266</v>
      </c>
      <c r="F84" s="48" t="s">
        <v>1807</v>
      </c>
      <c r="G84" s="22" t="s">
        <v>321</v>
      </c>
      <c r="H84" s="6"/>
      <c r="I84" s="6"/>
      <c r="J84" s="6" t="s">
        <v>127</v>
      </c>
      <c r="K84" s="13" t="s">
        <v>313</v>
      </c>
      <c r="L84" s="6"/>
      <c r="M84" s="6"/>
      <c r="N84" s="6" t="s">
        <v>259</v>
      </c>
      <c r="O84" s="6" t="s">
        <v>273</v>
      </c>
      <c r="P84" s="13">
        <v>900</v>
      </c>
      <c r="Q84" s="21">
        <v>300</v>
      </c>
      <c r="R84" s="6" t="s">
        <v>35</v>
      </c>
      <c r="S84" s="6"/>
      <c r="T84" s="6" t="s">
        <v>71</v>
      </c>
      <c r="U84" s="6"/>
      <c r="V84" s="3" t="s">
        <v>36</v>
      </c>
      <c r="W84" s="6" t="s">
        <v>314</v>
      </c>
    </row>
    <row r="85" spans="1:23" s="11" customFormat="1" ht="403">
      <c r="A85" s="61">
        <v>438330008</v>
      </c>
      <c r="B85" s="67" t="s">
        <v>310</v>
      </c>
      <c r="C85" s="63" t="s">
        <v>322</v>
      </c>
      <c r="D85" s="65" t="s">
        <v>124</v>
      </c>
      <c r="E85" s="67" t="s">
        <v>266</v>
      </c>
      <c r="F85" s="48" t="s">
        <v>1807</v>
      </c>
      <c r="G85" s="12" t="s">
        <v>323</v>
      </c>
      <c r="H85" s="6"/>
      <c r="I85" s="6"/>
      <c r="J85" s="6" t="s">
        <v>127</v>
      </c>
      <c r="K85" s="13" t="s">
        <v>313</v>
      </c>
      <c r="L85" s="6"/>
      <c r="M85" s="6"/>
      <c r="N85" s="6" t="s">
        <v>259</v>
      </c>
      <c r="O85" s="6" t="s">
        <v>273</v>
      </c>
      <c r="P85" s="37">
        <v>1100</v>
      </c>
      <c r="Q85" s="21">
        <v>1600</v>
      </c>
      <c r="R85" s="6" t="s">
        <v>35</v>
      </c>
      <c r="S85" s="6"/>
      <c r="T85" s="6" t="s">
        <v>71</v>
      </c>
      <c r="U85" s="6"/>
      <c r="V85" s="3" t="s">
        <v>36</v>
      </c>
      <c r="W85" s="6" t="s">
        <v>314</v>
      </c>
    </row>
    <row r="86" spans="1:23" s="11" customFormat="1" ht="409.5">
      <c r="A86" s="61">
        <v>438330009</v>
      </c>
      <c r="B86" s="67" t="s">
        <v>310</v>
      </c>
      <c r="C86" s="63" t="s">
        <v>324</v>
      </c>
      <c r="D86" s="65" t="s">
        <v>124</v>
      </c>
      <c r="E86" s="67" t="s">
        <v>266</v>
      </c>
      <c r="F86" s="48" t="s">
        <v>1807</v>
      </c>
      <c r="G86" s="22" t="s">
        <v>325</v>
      </c>
      <c r="H86" s="6"/>
      <c r="I86" s="6"/>
      <c r="J86" s="6" t="s">
        <v>127</v>
      </c>
      <c r="K86" s="13" t="s">
        <v>313</v>
      </c>
      <c r="L86" s="6"/>
      <c r="M86" s="6"/>
      <c r="N86" s="6" t="s">
        <v>259</v>
      </c>
      <c r="O86" s="6" t="s">
        <v>273</v>
      </c>
      <c r="P86" s="37">
        <v>1500</v>
      </c>
      <c r="Q86" s="21">
        <v>2300</v>
      </c>
      <c r="R86" s="6" t="s">
        <v>35</v>
      </c>
      <c r="S86" s="6"/>
      <c r="T86" s="6" t="s">
        <v>71</v>
      </c>
      <c r="U86" s="6"/>
      <c r="V86" s="3" t="s">
        <v>36</v>
      </c>
      <c r="W86" s="6" t="s">
        <v>314</v>
      </c>
    </row>
    <row r="87" spans="1:23" s="11" customFormat="1" ht="409.5">
      <c r="A87" s="61">
        <v>438330009</v>
      </c>
      <c r="B87" s="67" t="s">
        <v>310</v>
      </c>
      <c r="C87" s="63" t="s">
        <v>324</v>
      </c>
      <c r="D87" s="65" t="s">
        <v>124</v>
      </c>
      <c r="E87" s="67" t="s">
        <v>266</v>
      </c>
      <c r="F87" s="48" t="s">
        <v>1807</v>
      </c>
      <c r="G87" s="22" t="s">
        <v>326</v>
      </c>
      <c r="H87" s="6"/>
      <c r="I87" s="6"/>
      <c r="J87" s="6" t="s">
        <v>127</v>
      </c>
      <c r="K87" s="13" t="s">
        <v>313</v>
      </c>
      <c r="L87" s="6"/>
      <c r="M87" s="6"/>
      <c r="N87" s="6" t="s">
        <v>259</v>
      </c>
      <c r="O87" s="6" t="s">
        <v>273</v>
      </c>
      <c r="P87" s="37">
        <v>1500</v>
      </c>
      <c r="Q87" s="21">
        <v>2300</v>
      </c>
      <c r="R87" s="6" t="s">
        <v>35</v>
      </c>
      <c r="S87" s="6"/>
      <c r="T87" s="6" t="s">
        <v>71</v>
      </c>
      <c r="U87" s="6"/>
      <c r="V87" s="3" t="s">
        <v>36</v>
      </c>
      <c r="W87" s="6" t="s">
        <v>314</v>
      </c>
    </row>
    <row r="88" spans="1:23" s="11" customFormat="1" ht="409.5">
      <c r="A88" s="61">
        <v>438330010</v>
      </c>
      <c r="B88" s="67" t="s">
        <v>310</v>
      </c>
      <c r="C88" s="63" t="s">
        <v>327</v>
      </c>
      <c r="D88" s="65" t="s">
        <v>124</v>
      </c>
      <c r="E88" s="67" t="s">
        <v>266</v>
      </c>
      <c r="F88" s="48" t="s">
        <v>1807</v>
      </c>
      <c r="G88" s="12" t="s">
        <v>328</v>
      </c>
      <c r="H88" s="6"/>
      <c r="I88" s="6"/>
      <c r="J88" s="6" t="s">
        <v>127</v>
      </c>
      <c r="K88" s="13" t="s">
        <v>313</v>
      </c>
      <c r="L88" s="6"/>
      <c r="M88" s="6"/>
      <c r="N88" s="6" t="s">
        <v>259</v>
      </c>
      <c r="O88" s="6" t="s">
        <v>273</v>
      </c>
      <c r="P88" s="37">
        <v>1100</v>
      </c>
      <c r="Q88" s="21">
        <v>1620</v>
      </c>
      <c r="R88" s="6" t="s">
        <v>35</v>
      </c>
      <c r="S88" s="6"/>
      <c r="T88" s="6" t="s">
        <v>71</v>
      </c>
      <c r="U88" s="6"/>
      <c r="V88" s="3" t="s">
        <v>36</v>
      </c>
      <c r="W88" s="6" t="s">
        <v>314</v>
      </c>
    </row>
    <row r="89" spans="1:23" s="11" customFormat="1" ht="409.5">
      <c r="A89" s="61">
        <v>438330011</v>
      </c>
      <c r="B89" s="67" t="s">
        <v>310</v>
      </c>
      <c r="C89" s="63" t="s">
        <v>329</v>
      </c>
      <c r="D89" s="65" t="s">
        <v>124</v>
      </c>
      <c r="E89" s="67" t="s">
        <v>266</v>
      </c>
      <c r="F89" s="48" t="s">
        <v>1807</v>
      </c>
      <c r="G89" s="12" t="s">
        <v>330</v>
      </c>
      <c r="H89" s="6"/>
      <c r="I89" s="6"/>
      <c r="J89" s="6" t="s">
        <v>127</v>
      </c>
      <c r="K89" s="13" t="s">
        <v>313</v>
      </c>
      <c r="L89" s="6"/>
      <c r="M89" s="6"/>
      <c r="N89" s="6" t="s">
        <v>259</v>
      </c>
      <c r="O89" s="6" t="s">
        <v>273</v>
      </c>
      <c r="P89" s="13">
        <v>90</v>
      </c>
      <c r="Q89" s="21">
        <v>150</v>
      </c>
      <c r="R89" s="6" t="s">
        <v>35</v>
      </c>
      <c r="S89" s="6"/>
      <c r="T89" s="6" t="s">
        <v>71</v>
      </c>
      <c r="U89" s="6"/>
      <c r="V89" s="3" t="s">
        <v>36</v>
      </c>
      <c r="W89" s="6" t="s">
        <v>314</v>
      </c>
    </row>
    <row r="90" spans="1:23" s="11" customFormat="1" ht="387.5">
      <c r="A90" s="61">
        <v>438330012</v>
      </c>
      <c r="B90" s="67" t="s">
        <v>310</v>
      </c>
      <c r="C90" s="63" t="s">
        <v>331</v>
      </c>
      <c r="D90" s="65" t="s">
        <v>124</v>
      </c>
      <c r="E90" s="67" t="s">
        <v>266</v>
      </c>
      <c r="F90" s="48" t="s">
        <v>1807</v>
      </c>
      <c r="G90" s="12" t="s">
        <v>332</v>
      </c>
      <c r="H90" s="6"/>
      <c r="I90" s="6"/>
      <c r="J90" s="6" t="s">
        <v>127</v>
      </c>
      <c r="K90" s="13" t="s">
        <v>313</v>
      </c>
      <c r="L90" s="6"/>
      <c r="M90" s="6"/>
      <c r="N90" s="6" t="s">
        <v>259</v>
      </c>
      <c r="O90" s="6" t="s">
        <v>273</v>
      </c>
      <c r="P90" s="13">
        <v>70</v>
      </c>
      <c r="Q90" s="21">
        <v>130</v>
      </c>
      <c r="R90" s="6" t="s">
        <v>35</v>
      </c>
      <c r="S90" s="6"/>
      <c r="T90" s="6" t="s">
        <v>71</v>
      </c>
      <c r="U90" s="6"/>
      <c r="V90" s="3" t="s">
        <v>36</v>
      </c>
      <c r="W90" s="6" t="s">
        <v>314</v>
      </c>
    </row>
    <row r="91" spans="1:23" s="11" customFormat="1" ht="409.5">
      <c r="A91" s="61">
        <v>438340013</v>
      </c>
      <c r="B91" s="67" t="s">
        <v>310</v>
      </c>
      <c r="C91" s="63" t="s">
        <v>333</v>
      </c>
      <c r="D91" s="65" t="s">
        <v>126</v>
      </c>
      <c r="E91" s="67" t="s">
        <v>266</v>
      </c>
      <c r="F91" s="48" t="s">
        <v>1807</v>
      </c>
      <c r="G91" s="12"/>
      <c r="H91" s="6"/>
      <c r="I91" s="6"/>
      <c r="J91" s="6" t="s">
        <v>127</v>
      </c>
      <c r="K91" s="13" t="s">
        <v>313</v>
      </c>
      <c r="L91" s="6"/>
      <c r="M91" s="6"/>
      <c r="N91" s="6" t="s">
        <v>259</v>
      </c>
      <c r="O91" s="6" t="s">
        <v>273</v>
      </c>
      <c r="P91" s="13">
        <v>40</v>
      </c>
      <c r="Q91" s="21">
        <v>80</v>
      </c>
      <c r="R91" s="6" t="s">
        <v>35</v>
      </c>
      <c r="S91" s="6"/>
      <c r="T91" s="6" t="s">
        <v>71</v>
      </c>
      <c r="U91" s="6"/>
      <c r="V91" s="3" t="s">
        <v>36</v>
      </c>
      <c r="W91" s="6" t="s">
        <v>314</v>
      </c>
    </row>
    <row r="92" spans="1:23" s="11" customFormat="1" ht="409.5">
      <c r="A92" s="61">
        <v>438340014</v>
      </c>
      <c r="B92" s="67" t="s">
        <v>310</v>
      </c>
      <c r="C92" s="63" t="s">
        <v>334</v>
      </c>
      <c r="D92" s="65" t="s">
        <v>126</v>
      </c>
      <c r="E92" s="67" t="s">
        <v>266</v>
      </c>
      <c r="F92" s="48" t="s">
        <v>1807</v>
      </c>
      <c r="G92" s="12"/>
      <c r="H92" s="6"/>
      <c r="I92" s="6"/>
      <c r="J92" s="6" t="s">
        <v>127</v>
      </c>
      <c r="K92" s="13" t="s">
        <v>313</v>
      </c>
      <c r="L92" s="6"/>
      <c r="M92" s="6"/>
      <c r="N92" s="6" t="s">
        <v>259</v>
      </c>
      <c r="O92" s="6" t="s">
        <v>273</v>
      </c>
      <c r="P92" s="13">
        <v>30</v>
      </c>
      <c r="Q92" s="21">
        <v>65</v>
      </c>
      <c r="R92" s="6" t="s">
        <v>35</v>
      </c>
      <c r="S92" s="6"/>
      <c r="T92" s="6" t="s">
        <v>71</v>
      </c>
      <c r="U92" s="6"/>
      <c r="V92" s="3" t="s">
        <v>36</v>
      </c>
      <c r="W92" s="6" t="s">
        <v>314</v>
      </c>
    </row>
    <row r="93" spans="1:23" s="11" customFormat="1" ht="409.5">
      <c r="A93" s="61">
        <v>438330033</v>
      </c>
      <c r="B93" s="67" t="s">
        <v>310</v>
      </c>
      <c r="C93" s="63" t="s">
        <v>335</v>
      </c>
      <c r="D93" s="65" t="s">
        <v>124</v>
      </c>
      <c r="E93" s="67" t="s">
        <v>266</v>
      </c>
      <c r="F93" s="48" t="s">
        <v>1807</v>
      </c>
      <c r="G93" s="12" t="s">
        <v>336</v>
      </c>
      <c r="H93" s="6"/>
      <c r="I93" s="6"/>
      <c r="J93" s="6" t="s">
        <v>127</v>
      </c>
      <c r="K93" s="13" t="s">
        <v>313</v>
      </c>
      <c r="L93" s="6"/>
      <c r="M93" s="6"/>
      <c r="N93" s="6" t="s">
        <v>259</v>
      </c>
      <c r="O93" s="6" t="s">
        <v>273</v>
      </c>
      <c r="P93" s="13">
        <v>800</v>
      </c>
      <c r="Q93" s="21">
        <v>1580</v>
      </c>
      <c r="R93" s="6" t="s">
        <v>35</v>
      </c>
      <c r="S93" s="6"/>
      <c r="T93" s="6" t="s">
        <v>71</v>
      </c>
      <c r="U93" s="6"/>
      <c r="V93" s="3" t="s">
        <v>36</v>
      </c>
      <c r="W93" s="6" t="s">
        <v>314</v>
      </c>
    </row>
    <row r="94" spans="1:23" s="11" customFormat="1" ht="409.5">
      <c r="A94" s="61">
        <v>438330001</v>
      </c>
      <c r="B94" s="67" t="s">
        <v>310</v>
      </c>
      <c r="C94" s="63" t="s">
        <v>337</v>
      </c>
      <c r="D94" s="65" t="s">
        <v>124</v>
      </c>
      <c r="E94" s="67" t="s">
        <v>81</v>
      </c>
      <c r="F94" s="48" t="s">
        <v>1807</v>
      </c>
      <c r="G94" s="12" t="s">
        <v>338</v>
      </c>
      <c r="H94" s="6"/>
      <c r="I94" s="6"/>
      <c r="J94" s="6" t="s">
        <v>127</v>
      </c>
      <c r="K94" s="13" t="s">
        <v>313</v>
      </c>
      <c r="L94" s="6"/>
      <c r="M94" s="6"/>
      <c r="N94" s="6" t="s">
        <v>259</v>
      </c>
      <c r="O94" s="6" t="s">
        <v>273</v>
      </c>
      <c r="P94" s="13">
        <v>280</v>
      </c>
      <c r="Q94" s="21">
        <v>500</v>
      </c>
      <c r="R94" s="6" t="s">
        <v>35</v>
      </c>
      <c r="S94" s="6"/>
      <c r="T94" s="6" t="s">
        <v>71</v>
      </c>
      <c r="U94" s="6"/>
      <c r="V94" s="3" t="s">
        <v>36</v>
      </c>
      <c r="W94" s="6" t="s">
        <v>314</v>
      </c>
    </row>
    <row r="95" spans="1:23" s="11" customFormat="1" ht="409.5">
      <c r="A95" s="61">
        <v>438330002</v>
      </c>
      <c r="B95" s="67" t="s">
        <v>310</v>
      </c>
      <c r="C95" s="63" t="s">
        <v>339</v>
      </c>
      <c r="D95" s="65" t="s">
        <v>124</v>
      </c>
      <c r="E95" s="67" t="s">
        <v>81</v>
      </c>
      <c r="F95" s="48" t="s">
        <v>1807</v>
      </c>
      <c r="G95" s="12" t="s">
        <v>340</v>
      </c>
      <c r="H95" s="6"/>
      <c r="I95" s="6"/>
      <c r="J95" s="6" t="s">
        <v>127</v>
      </c>
      <c r="K95" s="13" t="s">
        <v>313</v>
      </c>
      <c r="L95" s="6"/>
      <c r="M95" s="6"/>
      <c r="N95" s="6" t="s">
        <v>259</v>
      </c>
      <c r="O95" s="6" t="s">
        <v>273</v>
      </c>
      <c r="P95" s="13">
        <v>450</v>
      </c>
      <c r="Q95" s="21">
        <v>800</v>
      </c>
      <c r="R95" s="6" t="s">
        <v>35</v>
      </c>
      <c r="S95" s="6"/>
      <c r="T95" s="6" t="s">
        <v>71</v>
      </c>
      <c r="U95" s="6"/>
      <c r="V95" s="3" t="s">
        <v>36</v>
      </c>
      <c r="W95" s="6" t="s">
        <v>314</v>
      </c>
    </row>
    <row r="96" spans="1:23" s="11" customFormat="1" ht="409.5">
      <c r="A96" s="61">
        <v>330330001</v>
      </c>
      <c r="B96" s="67"/>
      <c r="C96" s="63" t="s">
        <v>341</v>
      </c>
      <c r="D96" s="65" t="s">
        <v>124</v>
      </c>
      <c r="E96" s="67" t="s">
        <v>27</v>
      </c>
      <c r="F96" s="48" t="s">
        <v>1808</v>
      </c>
      <c r="G96" s="12"/>
      <c r="H96" s="6"/>
      <c r="I96" s="6"/>
      <c r="J96" s="6" t="s">
        <v>257</v>
      </c>
      <c r="K96" s="13" t="s">
        <v>342</v>
      </c>
      <c r="L96" s="6"/>
      <c r="M96" s="6"/>
      <c r="N96" s="6" t="s">
        <v>259</v>
      </c>
      <c r="O96" s="6" t="s">
        <v>273</v>
      </c>
      <c r="P96" s="13">
        <v>35</v>
      </c>
      <c r="Q96" s="6">
        <v>70</v>
      </c>
      <c r="R96" s="6" t="s">
        <v>35</v>
      </c>
      <c r="S96" s="6"/>
      <c r="T96" s="6" t="s">
        <v>71</v>
      </c>
      <c r="U96" s="6"/>
      <c r="V96" s="3" t="s">
        <v>36</v>
      </c>
      <c r="W96" s="6" t="s">
        <v>343</v>
      </c>
    </row>
    <row r="97" spans="1:23" s="11" customFormat="1" ht="409.5">
      <c r="A97" s="61">
        <v>330330002</v>
      </c>
      <c r="B97" s="67"/>
      <c r="C97" s="63" t="s">
        <v>344</v>
      </c>
      <c r="D97" s="65" t="s">
        <v>124</v>
      </c>
      <c r="E97" s="67" t="s">
        <v>27</v>
      </c>
      <c r="F97" s="48" t="s">
        <v>1808</v>
      </c>
      <c r="G97" s="12"/>
      <c r="H97" s="6"/>
      <c r="I97" s="6"/>
      <c r="J97" s="6" t="s">
        <v>257</v>
      </c>
      <c r="K97" s="13" t="s">
        <v>342</v>
      </c>
      <c r="L97" s="6"/>
      <c r="M97" s="6"/>
      <c r="N97" s="6" t="s">
        <v>259</v>
      </c>
      <c r="O97" s="6" t="s">
        <v>273</v>
      </c>
      <c r="P97" s="13">
        <v>150</v>
      </c>
      <c r="Q97" s="6">
        <v>290</v>
      </c>
      <c r="R97" s="6" t="s">
        <v>35</v>
      </c>
      <c r="S97" s="6"/>
      <c r="T97" s="6" t="s">
        <v>71</v>
      </c>
      <c r="U97" s="6"/>
      <c r="V97" s="3" t="s">
        <v>36</v>
      </c>
      <c r="W97" s="6" t="s">
        <v>343</v>
      </c>
    </row>
    <row r="98" spans="1:23" s="11" customFormat="1" ht="409.5">
      <c r="A98" s="61">
        <v>446330008</v>
      </c>
      <c r="B98" s="67" t="s">
        <v>345</v>
      </c>
      <c r="C98" s="63" t="s">
        <v>346</v>
      </c>
      <c r="D98" s="65" t="s">
        <v>124</v>
      </c>
      <c r="E98" s="67" t="s">
        <v>81</v>
      </c>
      <c r="F98" s="48" t="s">
        <v>1809</v>
      </c>
      <c r="G98" s="12" t="s">
        <v>347</v>
      </c>
      <c r="H98" s="6"/>
      <c r="I98" s="6"/>
      <c r="J98" s="6" t="s">
        <v>348</v>
      </c>
      <c r="K98" s="13" t="s">
        <v>342</v>
      </c>
      <c r="L98" s="6"/>
      <c r="M98" s="6"/>
      <c r="N98" s="6" t="s">
        <v>259</v>
      </c>
      <c r="O98" s="6" t="s">
        <v>273</v>
      </c>
      <c r="P98" s="13">
        <v>100</v>
      </c>
      <c r="Q98" s="6">
        <v>180</v>
      </c>
      <c r="R98" s="6" t="s">
        <v>35</v>
      </c>
      <c r="S98" s="6"/>
      <c r="T98" s="6" t="s">
        <v>71</v>
      </c>
      <c r="U98" s="6"/>
      <c r="V98" s="3" t="s">
        <v>36</v>
      </c>
      <c r="W98" s="6" t="s">
        <v>349</v>
      </c>
    </row>
    <row r="99" spans="1:23" s="11" customFormat="1" ht="409.5">
      <c r="A99" s="61">
        <v>446330009</v>
      </c>
      <c r="B99" s="67" t="s">
        <v>345</v>
      </c>
      <c r="C99" s="63" t="s">
        <v>350</v>
      </c>
      <c r="D99" s="65" t="s">
        <v>124</v>
      </c>
      <c r="E99" s="67" t="s">
        <v>81</v>
      </c>
      <c r="F99" s="48" t="s">
        <v>1809</v>
      </c>
      <c r="G99" s="12" t="s">
        <v>351</v>
      </c>
      <c r="H99" s="6"/>
      <c r="I99" s="6"/>
      <c r="J99" s="6" t="s">
        <v>348</v>
      </c>
      <c r="K99" s="13" t="s">
        <v>342</v>
      </c>
      <c r="L99" s="6"/>
      <c r="M99" s="6"/>
      <c r="N99" s="6" t="s">
        <v>259</v>
      </c>
      <c r="O99" s="6" t="s">
        <v>273</v>
      </c>
      <c r="P99" s="13">
        <v>90</v>
      </c>
      <c r="Q99" s="6">
        <v>180</v>
      </c>
      <c r="R99" s="6" t="s">
        <v>35</v>
      </c>
      <c r="S99" s="6"/>
      <c r="T99" s="6" t="s">
        <v>71</v>
      </c>
      <c r="U99" s="6"/>
      <c r="V99" s="3" t="s">
        <v>36</v>
      </c>
      <c r="W99" s="6" t="s">
        <v>349</v>
      </c>
    </row>
    <row r="100" spans="1:23" s="11" customFormat="1" ht="409.5">
      <c r="A100" s="61">
        <v>776330068</v>
      </c>
      <c r="B100" s="67"/>
      <c r="C100" s="63" t="s">
        <v>352</v>
      </c>
      <c r="D100" s="65" t="s">
        <v>124</v>
      </c>
      <c r="E100" s="67" t="s">
        <v>27</v>
      </c>
      <c r="F100" s="48" t="s">
        <v>1810</v>
      </c>
      <c r="G100" s="12" t="s">
        <v>353</v>
      </c>
      <c r="H100" s="6"/>
      <c r="I100" s="6"/>
      <c r="J100" s="6" t="s">
        <v>354</v>
      </c>
      <c r="K100" s="13" t="s">
        <v>355</v>
      </c>
      <c r="L100" s="6"/>
      <c r="M100" s="6"/>
      <c r="N100" s="6" t="s">
        <v>259</v>
      </c>
      <c r="O100" s="6" t="s">
        <v>273</v>
      </c>
      <c r="P100" s="13">
        <v>450</v>
      </c>
      <c r="Q100" s="6">
        <v>690</v>
      </c>
      <c r="R100" s="6" t="s">
        <v>35</v>
      </c>
      <c r="S100" s="6"/>
      <c r="T100" s="6" t="s">
        <v>71</v>
      </c>
      <c r="U100" s="6"/>
      <c r="V100" s="3" t="s">
        <v>36</v>
      </c>
      <c r="W100" s="6" t="s">
        <v>356</v>
      </c>
    </row>
    <row r="101" spans="1:23" s="11" customFormat="1" ht="409.5">
      <c r="A101" s="61">
        <v>776330068</v>
      </c>
      <c r="B101" s="67"/>
      <c r="C101" s="63" t="s">
        <v>352</v>
      </c>
      <c r="D101" s="65" t="s">
        <v>124</v>
      </c>
      <c r="E101" s="67" t="s">
        <v>27</v>
      </c>
      <c r="F101" s="48" t="s">
        <v>1810</v>
      </c>
      <c r="G101" s="12" t="s">
        <v>353</v>
      </c>
      <c r="H101" s="6"/>
      <c r="I101" s="6"/>
      <c r="J101" s="6" t="s">
        <v>354</v>
      </c>
      <c r="K101" s="13" t="s">
        <v>355</v>
      </c>
      <c r="L101" s="6"/>
      <c r="M101" s="6"/>
      <c r="N101" s="6" t="s">
        <v>259</v>
      </c>
      <c r="O101" s="6" t="s">
        <v>273</v>
      </c>
      <c r="P101" s="13">
        <v>450</v>
      </c>
      <c r="Q101" s="6">
        <v>690</v>
      </c>
      <c r="R101" s="6" t="s">
        <v>35</v>
      </c>
      <c r="S101" s="6"/>
      <c r="T101" s="6" t="s">
        <v>71</v>
      </c>
      <c r="U101" s="6"/>
      <c r="V101" s="3" t="s">
        <v>36</v>
      </c>
      <c r="W101" s="6" t="s">
        <v>356</v>
      </c>
    </row>
    <row r="102" spans="1:23" s="11" customFormat="1" ht="15.5">
      <c r="A102" s="61">
        <v>564330023</v>
      </c>
      <c r="B102" s="67"/>
      <c r="C102" s="63" t="s">
        <v>357</v>
      </c>
      <c r="D102" s="65" t="s">
        <v>124</v>
      </c>
      <c r="E102" s="67" t="s">
        <v>81</v>
      </c>
      <c r="F102" s="48" t="s">
        <v>358</v>
      </c>
      <c r="G102" s="12" t="s">
        <v>359</v>
      </c>
      <c r="H102" s="6"/>
      <c r="I102" s="6"/>
      <c r="J102" s="6" t="s">
        <v>348</v>
      </c>
      <c r="K102" s="13" t="s">
        <v>355</v>
      </c>
      <c r="L102" s="6"/>
      <c r="M102" s="6"/>
      <c r="N102" s="6" t="s">
        <v>360</v>
      </c>
      <c r="O102" s="6" t="s">
        <v>273</v>
      </c>
      <c r="P102" s="13">
        <v>150</v>
      </c>
      <c r="Q102" s="6">
        <v>250</v>
      </c>
      <c r="R102" s="6" t="s">
        <v>35</v>
      </c>
      <c r="S102" s="6"/>
      <c r="T102" s="6" t="s">
        <v>71</v>
      </c>
      <c r="U102" s="6"/>
      <c r="V102" s="3" t="s">
        <v>36</v>
      </c>
      <c r="W102" s="6" t="s">
        <v>361</v>
      </c>
    </row>
    <row r="103" spans="1:23" s="11" customFormat="1" ht="409.5">
      <c r="A103" s="70">
        <v>564330024</v>
      </c>
      <c r="B103" s="67"/>
      <c r="C103" s="63" t="s">
        <v>362</v>
      </c>
      <c r="D103" s="65" t="s">
        <v>124</v>
      </c>
      <c r="E103" s="67" t="s">
        <v>266</v>
      </c>
      <c r="F103" s="48" t="s">
        <v>1811</v>
      </c>
      <c r="G103" s="12" t="s">
        <v>364</v>
      </c>
      <c r="H103" s="6"/>
      <c r="I103" s="6"/>
      <c r="J103" s="6" t="s">
        <v>348</v>
      </c>
      <c r="K103" s="13" t="s">
        <v>342</v>
      </c>
      <c r="L103" s="6"/>
      <c r="M103" s="6"/>
      <c r="N103" s="6" t="s">
        <v>360</v>
      </c>
      <c r="O103" s="6" t="s">
        <v>273</v>
      </c>
      <c r="P103" s="13">
        <v>450</v>
      </c>
      <c r="Q103" s="6">
        <v>690</v>
      </c>
      <c r="R103" s="6" t="s">
        <v>35</v>
      </c>
      <c r="S103" s="6"/>
      <c r="T103" s="6" t="s">
        <v>71</v>
      </c>
      <c r="U103" s="6"/>
      <c r="V103" s="3" t="s">
        <v>36</v>
      </c>
      <c r="W103" s="6" t="s">
        <v>365</v>
      </c>
    </row>
    <row r="104" spans="1:23" s="11" customFormat="1" ht="409.5">
      <c r="A104" s="70">
        <v>564330025</v>
      </c>
      <c r="B104" s="67"/>
      <c r="C104" s="63" t="s">
        <v>366</v>
      </c>
      <c r="D104" s="65" t="s">
        <v>124</v>
      </c>
      <c r="E104" s="67" t="s">
        <v>266</v>
      </c>
      <c r="F104" s="48" t="s">
        <v>1811</v>
      </c>
      <c r="G104" s="12" t="s">
        <v>367</v>
      </c>
      <c r="H104" s="6"/>
      <c r="I104" s="6"/>
      <c r="J104" s="6" t="s">
        <v>348</v>
      </c>
      <c r="K104" s="13" t="s">
        <v>342</v>
      </c>
      <c r="L104" s="6"/>
      <c r="M104" s="6"/>
      <c r="N104" s="6" t="s">
        <v>360</v>
      </c>
      <c r="O104" s="6" t="s">
        <v>273</v>
      </c>
      <c r="P104" s="13">
        <v>450</v>
      </c>
      <c r="Q104" s="6">
        <v>690</v>
      </c>
      <c r="R104" s="6" t="s">
        <v>35</v>
      </c>
      <c r="S104" s="6"/>
      <c r="T104" s="6" t="s">
        <v>71</v>
      </c>
      <c r="U104" s="6"/>
      <c r="V104" s="3" t="s">
        <v>36</v>
      </c>
      <c r="W104" s="6" t="s">
        <v>365</v>
      </c>
    </row>
    <row r="105" spans="1:23" s="11" customFormat="1" ht="409.5">
      <c r="A105" s="70">
        <v>564330026</v>
      </c>
      <c r="B105" s="67"/>
      <c r="C105" s="63" t="s">
        <v>368</v>
      </c>
      <c r="D105" s="65" t="s">
        <v>124</v>
      </c>
      <c r="E105" s="67" t="s">
        <v>266</v>
      </c>
      <c r="F105" s="48" t="s">
        <v>1811</v>
      </c>
      <c r="G105" s="12" t="s">
        <v>367</v>
      </c>
      <c r="H105" s="6"/>
      <c r="I105" s="6"/>
      <c r="J105" s="6" t="s">
        <v>348</v>
      </c>
      <c r="K105" s="13" t="s">
        <v>342</v>
      </c>
      <c r="L105" s="6"/>
      <c r="M105" s="6"/>
      <c r="N105" s="6" t="s">
        <v>360</v>
      </c>
      <c r="O105" s="6" t="s">
        <v>273</v>
      </c>
      <c r="P105" s="13">
        <v>700</v>
      </c>
      <c r="Q105" s="6">
        <v>1100</v>
      </c>
      <c r="R105" s="6" t="s">
        <v>35</v>
      </c>
      <c r="S105" s="6"/>
      <c r="T105" s="6" t="s">
        <v>71</v>
      </c>
      <c r="U105" s="6"/>
      <c r="V105" s="3" t="s">
        <v>36</v>
      </c>
      <c r="W105" s="6" t="s">
        <v>365</v>
      </c>
    </row>
    <row r="106" spans="1:23" s="11" customFormat="1" ht="409.5">
      <c r="A106" s="70">
        <v>337330040</v>
      </c>
      <c r="B106" s="67" t="s">
        <v>369</v>
      </c>
      <c r="C106" s="63" t="s">
        <v>370</v>
      </c>
      <c r="D106" s="65" t="s">
        <v>124</v>
      </c>
      <c r="E106" s="67" t="s">
        <v>27</v>
      </c>
      <c r="F106" s="48" t="s">
        <v>1812</v>
      </c>
      <c r="G106" s="12" t="s">
        <v>372</v>
      </c>
      <c r="H106" s="6"/>
      <c r="I106" s="6"/>
      <c r="J106" s="6" t="s">
        <v>348</v>
      </c>
      <c r="K106" s="13" t="s">
        <v>342</v>
      </c>
      <c r="L106" s="6"/>
      <c r="M106" s="6"/>
      <c r="N106" s="6" t="s">
        <v>360</v>
      </c>
      <c r="O106" s="6" t="s">
        <v>373</v>
      </c>
      <c r="P106" s="13">
        <v>300</v>
      </c>
      <c r="Q106" s="6">
        <v>420</v>
      </c>
      <c r="R106" s="6" t="s">
        <v>35</v>
      </c>
      <c r="S106" s="6"/>
      <c r="T106" s="6" t="s">
        <v>374</v>
      </c>
      <c r="U106" s="6"/>
      <c r="V106" s="3" t="s">
        <v>36</v>
      </c>
      <c r="W106" s="6" t="s">
        <v>375</v>
      </c>
    </row>
    <row r="107" spans="1:23" s="11" customFormat="1" ht="409.5">
      <c r="A107" s="70">
        <v>337330041</v>
      </c>
      <c r="B107" s="67" t="s">
        <v>369</v>
      </c>
      <c r="C107" s="63" t="s">
        <v>376</v>
      </c>
      <c r="D107" s="65" t="s">
        <v>124</v>
      </c>
      <c r="E107" s="67" t="s">
        <v>27</v>
      </c>
      <c r="F107" s="48" t="s">
        <v>1812</v>
      </c>
      <c r="G107" s="12" t="s">
        <v>377</v>
      </c>
      <c r="H107" s="6"/>
      <c r="I107" s="6"/>
      <c r="J107" s="6" t="s">
        <v>348</v>
      </c>
      <c r="K107" s="13" t="s">
        <v>342</v>
      </c>
      <c r="L107" s="6"/>
      <c r="M107" s="6"/>
      <c r="N107" s="6" t="s">
        <v>360</v>
      </c>
      <c r="O107" s="6" t="s">
        <v>373</v>
      </c>
      <c r="P107" s="13">
        <v>350</v>
      </c>
      <c r="Q107" s="6">
        <v>670</v>
      </c>
      <c r="R107" s="6" t="s">
        <v>35</v>
      </c>
      <c r="S107" s="6"/>
      <c r="T107" s="6" t="s">
        <v>374</v>
      </c>
      <c r="U107" s="6"/>
      <c r="V107" s="3" t="s">
        <v>36</v>
      </c>
      <c r="W107" s="6" t="s">
        <v>375</v>
      </c>
    </row>
    <row r="108" spans="1:23" s="11" customFormat="1" ht="409.5">
      <c r="A108" s="71">
        <v>337330043</v>
      </c>
      <c r="B108" s="72" t="s">
        <v>369</v>
      </c>
      <c r="C108" s="63" t="s">
        <v>378</v>
      </c>
      <c r="D108" s="65" t="s">
        <v>124</v>
      </c>
      <c r="E108" s="72" t="s">
        <v>27</v>
      </c>
      <c r="F108" s="48" t="s">
        <v>1812</v>
      </c>
      <c r="G108" s="23" t="s">
        <v>379</v>
      </c>
      <c r="H108" s="25"/>
      <c r="I108" s="25"/>
      <c r="J108" s="25" t="s">
        <v>348</v>
      </c>
      <c r="K108" s="26" t="s">
        <v>342</v>
      </c>
      <c r="L108" s="25"/>
      <c r="M108" s="25"/>
      <c r="N108" s="25" t="s">
        <v>360</v>
      </c>
      <c r="O108" s="25" t="s">
        <v>373</v>
      </c>
      <c r="P108" s="26">
        <v>300</v>
      </c>
      <c r="Q108" s="25">
        <v>450</v>
      </c>
      <c r="R108" s="25" t="s">
        <v>35</v>
      </c>
      <c r="S108" s="25"/>
      <c r="T108" s="25" t="s">
        <v>374</v>
      </c>
      <c r="U108" s="25"/>
      <c r="V108" s="3" t="s">
        <v>36</v>
      </c>
      <c r="W108" s="25" t="s">
        <v>375</v>
      </c>
    </row>
    <row r="109" spans="1:23" s="11" customFormat="1" ht="409.5">
      <c r="A109" s="70">
        <v>337330050</v>
      </c>
      <c r="B109" s="67" t="s">
        <v>369</v>
      </c>
      <c r="C109" s="63" t="s">
        <v>380</v>
      </c>
      <c r="D109" s="65" t="s">
        <v>124</v>
      </c>
      <c r="E109" s="67" t="s">
        <v>381</v>
      </c>
      <c r="F109" s="48" t="s">
        <v>1812</v>
      </c>
      <c r="G109" s="12" t="s">
        <v>382</v>
      </c>
      <c r="H109" s="6"/>
      <c r="I109" s="6"/>
      <c r="J109" s="6" t="s">
        <v>348</v>
      </c>
      <c r="K109" s="13" t="s">
        <v>342</v>
      </c>
      <c r="L109" s="6"/>
      <c r="M109" s="6"/>
      <c r="N109" s="6" t="s">
        <v>360</v>
      </c>
      <c r="O109" s="6" t="s">
        <v>373</v>
      </c>
      <c r="P109" s="13">
        <v>250</v>
      </c>
      <c r="Q109" s="6">
        <v>390</v>
      </c>
      <c r="R109" s="6" t="s">
        <v>35</v>
      </c>
      <c r="S109" s="6"/>
      <c r="T109" s="6" t="s">
        <v>374</v>
      </c>
      <c r="U109" s="6"/>
      <c r="V109" s="3" t="s">
        <v>36</v>
      </c>
      <c r="W109" s="6" t="s">
        <v>375</v>
      </c>
    </row>
    <row r="110" spans="1:23" s="11" customFormat="1" ht="372">
      <c r="A110" s="70">
        <v>337350007</v>
      </c>
      <c r="B110" s="67" t="s">
        <v>369</v>
      </c>
      <c r="C110" s="63" t="s">
        <v>383</v>
      </c>
      <c r="D110" s="65" t="s">
        <v>697</v>
      </c>
      <c r="E110" s="67" t="s">
        <v>27</v>
      </c>
      <c r="F110" s="48" t="s">
        <v>1812</v>
      </c>
      <c r="G110" s="12" t="s">
        <v>384</v>
      </c>
      <c r="H110" s="6"/>
      <c r="I110" s="6"/>
      <c r="J110" s="6" t="s">
        <v>348</v>
      </c>
      <c r="K110" s="13" t="s">
        <v>342</v>
      </c>
      <c r="L110" s="6"/>
      <c r="M110" s="6"/>
      <c r="N110" s="6" t="s">
        <v>360</v>
      </c>
      <c r="O110" s="6" t="s">
        <v>373</v>
      </c>
      <c r="P110" s="13">
        <v>100</v>
      </c>
      <c r="Q110" s="6">
        <v>150</v>
      </c>
      <c r="R110" s="6" t="s">
        <v>35</v>
      </c>
      <c r="S110" s="6"/>
      <c r="T110" s="6" t="s">
        <v>374</v>
      </c>
      <c r="U110" s="6"/>
      <c r="V110" s="3" t="s">
        <v>36</v>
      </c>
      <c r="W110" s="6" t="s">
        <v>375</v>
      </c>
    </row>
    <row r="111" spans="1:23" s="11" customFormat="1" ht="409.5">
      <c r="A111" s="70">
        <v>337330068</v>
      </c>
      <c r="B111" s="67" t="s">
        <v>369</v>
      </c>
      <c r="C111" s="63" t="s">
        <v>385</v>
      </c>
      <c r="D111" s="65" t="s">
        <v>124</v>
      </c>
      <c r="E111" s="67" t="s">
        <v>27</v>
      </c>
      <c r="F111" s="48" t="s">
        <v>1812</v>
      </c>
      <c r="G111" s="12" t="s">
        <v>386</v>
      </c>
      <c r="H111" s="6"/>
      <c r="I111" s="6"/>
      <c r="J111" s="6" t="s">
        <v>348</v>
      </c>
      <c r="K111" s="13" t="s">
        <v>342</v>
      </c>
      <c r="L111" s="6"/>
      <c r="M111" s="6"/>
      <c r="N111" s="6" t="s">
        <v>360</v>
      </c>
      <c r="O111" s="6" t="s">
        <v>373</v>
      </c>
      <c r="P111" s="13">
        <v>38</v>
      </c>
      <c r="Q111" s="6">
        <v>55</v>
      </c>
      <c r="R111" s="6" t="s">
        <v>35</v>
      </c>
      <c r="S111" s="6"/>
      <c r="T111" s="6" t="s">
        <v>374</v>
      </c>
      <c r="U111" s="6"/>
      <c r="V111" s="3" t="s">
        <v>36</v>
      </c>
      <c r="W111" s="6" t="s">
        <v>375</v>
      </c>
    </row>
    <row r="112" spans="1:23" s="11" customFormat="1" ht="387.5">
      <c r="A112" s="70">
        <v>446340118</v>
      </c>
      <c r="B112" s="67" t="s">
        <v>369</v>
      </c>
      <c r="C112" s="63" t="s">
        <v>387</v>
      </c>
      <c r="D112" s="65" t="s">
        <v>126</v>
      </c>
      <c r="E112" s="67" t="s">
        <v>388</v>
      </c>
      <c r="F112" s="48" t="s">
        <v>1813</v>
      </c>
      <c r="G112" s="12" t="s">
        <v>389</v>
      </c>
      <c r="H112" s="6"/>
      <c r="I112" s="6"/>
      <c r="J112" s="6" t="s">
        <v>348</v>
      </c>
      <c r="K112" s="13" t="s">
        <v>342</v>
      </c>
      <c r="L112" s="6"/>
      <c r="M112" s="6"/>
      <c r="N112" s="6" t="s">
        <v>360</v>
      </c>
      <c r="O112" s="6" t="s">
        <v>373</v>
      </c>
      <c r="P112" s="13">
        <v>200</v>
      </c>
      <c r="Q112" s="6">
        <v>270</v>
      </c>
      <c r="R112" s="6" t="s">
        <v>35</v>
      </c>
      <c r="S112" s="6"/>
      <c r="T112" s="6" t="s">
        <v>374</v>
      </c>
      <c r="U112" s="6"/>
      <c r="V112" s="3" t="s">
        <v>36</v>
      </c>
      <c r="W112" s="6" t="s">
        <v>375</v>
      </c>
    </row>
    <row r="113" spans="1:23" s="11" customFormat="1" ht="409.5">
      <c r="A113" s="70">
        <v>337330046</v>
      </c>
      <c r="B113" s="67" t="s">
        <v>369</v>
      </c>
      <c r="C113" s="63" t="s">
        <v>390</v>
      </c>
      <c r="D113" s="65" t="s">
        <v>124</v>
      </c>
      <c r="E113" s="67" t="s">
        <v>27</v>
      </c>
      <c r="F113" s="48" t="s">
        <v>1812</v>
      </c>
      <c r="G113" s="12" t="s">
        <v>391</v>
      </c>
      <c r="H113" s="6"/>
      <c r="I113" s="6"/>
      <c r="J113" s="6" t="s">
        <v>348</v>
      </c>
      <c r="K113" s="13" t="s">
        <v>342</v>
      </c>
      <c r="L113" s="6"/>
      <c r="M113" s="6"/>
      <c r="N113" s="6" t="s">
        <v>360</v>
      </c>
      <c r="O113" s="6" t="s">
        <v>373</v>
      </c>
      <c r="P113" s="13">
        <v>80</v>
      </c>
      <c r="Q113" s="6">
        <v>130</v>
      </c>
      <c r="R113" s="6" t="s">
        <v>35</v>
      </c>
      <c r="S113" s="6"/>
      <c r="T113" s="6" t="s">
        <v>374</v>
      </c>
      <c r="U113" s="6"/>
      <c r="V113" s="3" t="s">
        <v>36</v>
      </c>
      <c r="W113" s="6" t="s">
        <v>375</v>
      </c>
    </row>
    <row r="114" spans="1:23" s="11" customFormat="1" ht="279">
      <c r="A114" s="70">
        <v>110340072</v>
      </c>
      <c r="B114" s="67" t="s">
        <v>369</v>
      </c>
      <c r="C114" s="63" t="s">
        <v>392</v>
      </c>
      <c r="D114" s="65" t="s">
        <v>126</v>
      </c>
      <c r="E114" s="67" t="s">
        <v>393</v>
      </c>
      <c r="F114" s="48" t="s">
        <v>1814</v>
      </c>
      <c r="G114" s="12" t="s">
        <v>394</v>
      </c>
      <c r="H114" s="6"/>
      <c r="I114" s="6"/>
      <c r="J114" s="6" t="s">
        <v>348</v>
      </c>
      <c r="K114" s="13" t="s">
        <v>342</v>
      </c>
      <c r="L114" s="6"/>
      <c r="M114" s="6"/>
      <c r="N114" s="6" t="s">
        <v>360</v>
      </c>
      <c r="O114" s="6" t="s">
        <v>373</v>
      </c>
      <c r="P114" s="13">
        <v>45</v>
      </c>
      <c r="Q114" s="6">
        <v>60</v>
      </c>
      <c r="R114" s="6" t="s">
        <v>35</v>
      </c>
      <c r="S114" s="6"/>
      <c r="T114" s="6" t="s">
        <v>374</v>
      </c>
      <c r="U114" s="6"/>
      <c r="V114" s="3" t="s">
        <v>36</v>
      </c>
      <c r="W114" s="6" t="s">
        <v>375</v>
      </c>
    </row>
    <row r="115" spans="1:23" s="11" customFormat="1" ht="403">
      <c r="A115" s="70">
        <v>337330094</v>
      </c>
      <c r="B115" s="67" t="s">
        <v>369</v>
      </c>
      <c r="C115" s="63" t="s">
        <v>395</v>
      </c>
      <c r="D115" s="65" t="s">
        <v>124</v>
      </c>
      <c r="E115" s="67" t="s">
        <v>27</v>
      </c>
      <c r="F115" s="48" t="s">
        <v>1815</v>
      </c>
      <c r="G115" s="12" t="s">
        <v>396</v>
      </c>
      <c r="H115" s="6"/>
      <c r="I115" s="6"/>
      <c r="J115" s="6" t="s">
        <v>348</v>
      </c>
      <c r="K115" s="13" t="s">
        <v>342</v>
      </c>
      <c r="L115" s="6"/>
      <c r="M115" s="6"/>
      <c r="N115" s="6" t="s">
        <v>360</v>
      </c>
      <c r="O115" s="6" t="s">
        <v>373</v>
      </c>
      <c r="P115" s="13">
        <v>200</v>
      </c>
      <c r="Q115" s="6">
        <v>390</v>
      </c>
      <c r="R115" s="6" t="s">
        <v>35</v>
      </c>
      <c r="S115" s="6"/>
      <c r="T115" s="6" t="s">
        <v>374</v>
      </c>
      <c r="U115" s="6"/>
      <c r="V115" s="3" t="s">
        <v>36</v>
      </c>
      <c r="W115" s="6" t="s">
        <v>375</v>
      </c>
    </row>
    <row r="116" spans="1:23" s="11" customFormat="1" ht="409.5">
      <c r="A116" s="70">
        <v>337330064</v>
      </c>
      <c r="B116" s="67" t="s">
        <v>369</v>
      </c>
      <c r="C116" s="63" t="s">
        <v>397</v>
      </c>
      <c r="D116" s="65" t="s">
        <v>124</v>
      </c>
      <c r="E116" s="67" t="s">
        <v>27</v>
      </c>
      <c r="F116" s="48" t="s">
        <v>1812</v>
      </c>
      <c r="G116" s="12" t="s">
        <v>398</v>
      </c>
      <c r="H116" s="6"/>
      <c r="I116" s="6"/>
      <c r="J116" s="6" t="s">
        <v>348</v>
      </c>
      <c r="K116" s="13" t="s">
        <v>342</v>
      </c>
      <c r="L116" s="6"/>
      <c r="M116" s="6"/>
      <c r="N116" s="6" t="s">
        <v>360</v>
      </c>
      <c r="O116" s="6" t="s">
        <v>373</v>
      </c>
      <c r="P116" s="13">
        <v>80</v>
      </c>
      <c r="Q116" s="6">
        <v>180</v>
      </c>
      <c r="R116" s="6" t="s">
        <v>35</v>
      </c>
      <c r="S116" s="6"/>
      <c r="T116" s="6" t="s">
        <v>374</v>
      </c>
      <c r="U116" s="6"/>
      <c r="V116" s="3" t="s">
        <v>36</v>
      </c>
      <c r="W116" s="6" t="s">
        <v>375</v>
      </c>
    </row>
    <row r="117" spans="1:23" s="11" customFormat="1" ht="387.5">
      <c r="A117" s="70">
        <v>337330087</v>
      </c>
      <c r="B117" s="67" t="s">
        <v>369</v>
      </c>
      <c r="C117" s="63" t="s">
        <v>399</v>
      </c>
      <c r="D117" s="65" t="s">
        <v>124</v>
      </c>
      <c r="E117" s="67" t="s">
        <v>27</v>
      </c>
      <c r="F117" s="48" t="s">
        <v>1812</v>
      </c>
      <c r="G117" s="12" t="s">
        <v>400</v>
      </c>
      <c r="H117" s="6"/>
      <c r="I117" s="6"/>
      <c r="J117" s="6" t="s">
        <v>348</v>
      </c>
      <c r="K117" s="13" t="s">
        <v>342</v>
      </c>
      <c r="L117" s="6"/>
      <c r="M117" s="6"/>
      <c r="N117" s="6" t="s">
        <v>360</v>
      </c>
      <c r="O117" s="6" t="s">
        <v>373</v>
      </c>
      <c r="P117" s="13">
        <v>380</v>
      </c>
      <c r="Q117" s="6">
        <v>550</v>
      </c>
      <c r="R117" s="6" t="s">
        <v>35</v>
      </c>
      <c r="S117" s="6"/>
      <c r="T117" s="6" t="s">
        <v>374</v>
      </c>
      <c r="U117" s="6"/>
      <c r="V117" s="3" t="s">
        <v>36</v>
      </c>
      <c r="W117" s="6" t="s">
        <v>375</v>
      </c>
    </row>
    <row r="118" spans="1:23" s="11" customFormat="1" ht="409.5">
      <c r="A118" s="70">
        <v>337130102</v>
      </c>
      <c r="B118" s="67"/>
      <c r="C118" s="63" t="s">
        <v>401</v>
      </c>
      <c r="D118" s="65" t="s">
        <v>124</v>
      </c>
      <c r="E118" s="67" t="s">
        <v>81</v>
      </c>
      <c r="F118" s="48" t="s">
        <v>1816</v>
      </c>
      <c r="G118" s="12" t="s">
        <v>389</v>
      </c>
      <c r="H118" s="6"/>
      <c r="I118" s="6"/>
      <c r="J118" s="6" t="s">
        <v>348</v>
      </c>
      <c r="K118" s="13" t="s">
        <v>402</v>
      </c>
      <c r="L118" s="6" t="s">
        <v>403</v>
      </c>
      <c r="M118" s="6"/>
      <c r="N118" s="6" t="s">
        <v>360</v>
      </c>
      <c r="O118" s="6" t="s">
        <v>373</v>
      </c>
      <c r="P118" s="13">
        <v>200</v>
      </c>
      <c r="Q118" s="6">
        <v>350</v>
      </c>
      <c r="R118" s="6" t="s">
        <v>83</v>
      </c>
      <c r="S118" s="6"/>
      <c r="T118" s="6" t="s">
        <v>374</v>
      </c>
      <c r="U118" s="6"/>
      <c r="V118" s="3" t="s">
        <v>36</v>
      </c>
      <c r="W118" s="6" t="s">
        <v>404</v>
      </c>
    </row>
    <row r="119" spans="1:23" s="11" customFormat="1" ht="409.5">
      <c r="A119" s="70">
        <v>337130103</v>
      </c>
      <c r="B119" s="67"/>
      <c r="C119" s="63" t="s">
        <v>405</v>
      </c>
      <c r="D119" s="65" t="s">
        <v>124</v>
      </c>
      <c r="E119" s="67" t="s">
        <v>81</v>
      </c>
      <c r="F119" s="48" t="s">
        <v>1816</v>
      </c>
      <c r="G119" s="12" t="s">
        <v>389</v>
      </c>
      <c r="H119" s="6"/>
      <c r="I119" s="6"/>
      <c r="J119" s="6" t="s">
        <v>348</v>
      </c>
      <c r="K119" s="13" t="s">
        <v>402</v>
      </c>
      <c r="L119" s="6" t="s">
        <v>403</v>
      </c>
      <c r="M119" s="6"/>
      <c r="N119" s="6" t="s">
        <v>360</v>
      </c>
      <c r="O119" s="6" t="s">
        <v>373</v>
      </c>
      <c r="P119" s="13">
        <v>200</v>
      </c>
      <c r="Q119" s="6">
        <v>350</v>
      </c>
      <c r="R119" s="6" t="s">
        <v>83</v>
      </c>
      <c r="S119" s="6"/>
      <c r="T119" s="6" t="s">
        <v>374</v>
      </c>
      <c r="U119" s="6"/>
      <c r="V119" s="3" t="s">
        <v>36</v>
      </c>
      <c r="W119" s="6" t="s">
        <v>404</v>
      </c>
    </row>
    <row r="120" spans="1:23" s="11" customFormat="1" ht="409.5">
      <c r="A120" s="70">
        <v>337130104</v>
      </c>
      <c r="B120" s="67"/>
      <c r="C120" s="63" t="s">
        <v>406</v>
      </c>
      <c r="D120" s="65" t="s">
        <v>124</v>
      </c>
      <c r="E120" s="67" t="s">
        <v>81</v>
      </c>
      <c r="F120" s="48" t="s">
        <v>1816</v>
      </c>
      <c r="G120" s="12" t="s">
        <v>389</v>
      </c>
      <c r="H120" s="6"/>
      <c r="I120" s="6"/>
      <c r="J120" s="6" t="s">
        <v>348</v>
      </c>
      <c r="K120" s="13" t="s">
        <v>402</v>
      </c>
      <c r="L120" s="6" t="s">
        <v>403</v>
      </c>
      <c r="M120" s="6"/>
      <c r="N120" s="6" t="s">
        <v>360</v>
      </c>
      <c r="O120" s="6" t="s">
        <v>373</v>
      </c>
      <c r="P120" s="13">
        <v>200</v>
      </c>
      <c r="Q120" s="6">
        <v>350</v>
      </c>
      <c r="R120" s="6" t="s">
        <v>83</v>
      </c>
      <c r="S120" s="6"/>
      <c r="T120" s="6" t="s">
        <v>374</v>
      </c>
      <c r="U120" s="6"/>
      <c r="V120" s="3" t="s">
        <v>36</v>
      </c>
      <c r="W120" s="6" t="s">
        <v>404</v>
      </c>
    </row>
    <row r="121" spans="1:23" s="11" customFormat="1" ht="387.5">
      <c r="A121" s="70">
        <v>770330018</v>
      </c>
      <c r="B121" s="67" t="s">
        <v>407</v>
      </c>
      <c r="C121" s="63" t="s">
        <v>408</v>
      </c>
      <c r="D121" s="65" t="s">
        <v>124</v>
      </c>
      <c r="E121" s="67" t="s">
        <v>27</v>
      </c>
      <c r="F121" s="48" t="s">
        <v>1817</v>
      </c>
      <c r="G121" s="12" t="s">
        <v>409</v>
      </c>
      <c r="H121" s="6"/>
      <c r="I121" s="6"/>
      <c r="J121" s="6" t="s">
        <v>348</v>
      </c>
      <c r="K121" s="13" t="s">
        <v>342</v>
      </c>
      <c r="L121" s="6"/>
      <c r="M121" s="6"/>
      <c r="N121" s="6" t="s">
        <v>360</v>
      </c>
      <c r="O121" s="6" t="s">
        <v>410</v>
      </c>
      <c r="P121" s="13">
        <v>70</v>
      </c>
      <c r="Q121" s="6">
        <v>150</v>
      </c>
      <c r="R121" s="6" t="s">
        <v>35</v>
      </c>
      <c r="S121" s="6"/>
      <c r="T121" s="6" t="s">
        <v>374</v>
      </c>
      <c r="U121" s="6"/>
      <c r="V121" s="3" t="s">
        <v>36</v>
      </c>
      <c r="W121" s="6" t="s">
        <v>1759</v>
      </c>
    </row>
    <row r="122" spans="1:23" s="11" customFormat="1" ht="409.5">
      <c r="A122" s="70">
        <v>770340021</v>
      </c>
      <c r="B122" s="67" t="s">
        <v>407</v>
      </c>
      <c r="C122" s="63" t="s">
        <v>412</v>
      </c>
      <c r="D122" s="65" t="s">
        <v>126</v>
      </c>
      <c r="E122" s="67" t="s">
        <v>27</v>
      </c>
      <c r="F122" s="48" t="s">
        <v>1817</v>
      </c>
      <c r="G122" s="12" t="s">
        <v>413</v>
      </c>
      <c r="H122" s="6"/>
      <c r="I122" s="6"/>
      <c r="J122" s="6" t="s">
        <v>348</v>
      </c>
      <c r="K122" s="13" t="s">
        <v>342</v>
      </c>
      <c r="L122" s="6"/>
      <c r="M122" s="6"/>
      <c r="N122" s="6" t="s">
        <v>360</v>
      </c>
      <c r="O122" s="6" t="s">
        <v>410</v>
      </c>
      <c r="P122" s="13">
        <v>185</v>
      </c>
      <c r="Q122" s="6">
        <v>350</v>
      </c>
      <c r="R122" s="6" t="s">
        <v>35</v>
      </c>
      <c r="S122" s="6"/>
      <c r="T122" s="6" t="s">
        <v>374</v>
      </c>
      <c r="U122" s="6"/>
      <c r="V122" s="3" t="s">
        <v>36</v>
      </c>
      <c r="W122" s="6" t="s">
        <v>1759</v>
      </c>
    </row>
    <row r="123" spans="1:23" s="11" customFormat="1" ht="387.5">
      <c r="A123" s="61">
        <v>896330009</v>
      </c>
      <c r="B123" s="67"/>
      <c r="C123" s="63" t="s">
        <v>414</v>
      </c>
      <c r="D123" s="65" t="s">
        <v>124</v>
      </c>
      <c r="E123" s="67" t="s">
        <v>27</v>
      </c>
      <c r="F123" s="48" t="s">
        <v>1817</v>
      </c>
      <c r="G123" s="12" t="s">
        <v>415</v>
      </c>
      <c r="H123" s="6"/>
      <c r="I123" s="6"/>
      <c r="J123" s="6" t="s">
        <v>354</v>
      </c>
      <c r="K123" s="13" t="s">
        <v>416</v>
      </c>
      <c r="L123" s="6"/>
      <c r="M123" s="6"/>
      <c r="N123" s="6" t="s">
        <v>360</v>
      </c>
      <c r="O123" s="6" t="s">
        <v>410</v>
      </c>
      <c r="P123" s="13">
        <v>850</v>
      </c>
      <c r="Q123" s="6">
        <v>1300</v>
      </c>
      <c r="R123" s="6" t="s">
        <v>35</v>
      </c>
      <c r="S123" s="6"/>
      <c r="T123" s="6" t="s">
        <v>71</v>
      </c>
      <c r="U123" s="6"/>
      <c r="V123" s="3" t="s">
        <v>36</v>
      </c>
      <c r="W123" s="6" t="s">
        <v>417</v>
      </c>
    </row>
    <row r="124" spans="1:23" s="11" customFormat="1" ht="409.5">
      <c r="A124" s="70">
        <v>896340016</v>
      </c>
      <c r="B124" s="67"/>
      <c r="C124" s="63" t="s">
        <v>418</v>
      </c>
      <c r="D124" s="65" t="s">
        <v>126</v>
      </c>
      <c r="E124" s="67" t="s">
        <v>27</v>
      </c>
      <c r="F124" s="48" t="s">
        <v>1818</v>
      </c>
      <c r="G124" s="12" t="s">
        <v>419</v>
      </c>
      <c r="H124" s="6"/>
      <c r="I124" s="6"/>
      <c r="J124" s="6" t="s">
        <v>354</v>
      </c>
      <c r="K124" s="13" t="s">
        <v>416</v>
      </c>
      <c r="L124" s="6"/>
      <c r="M124" s="6"/>
      <c r="N124" s="6" t="s">
        <v>360</v>
      </c>
      <c r="O124" s="6" t="s">
        <v>410</v>
      </c>
      <c r="P124" s="13">
        <v>120</v>
      </c>
      <c r="Q124" s="6">
        <v>250</v>
      </c>
      <c r="R124" s="6" t="s">
        <v>83</v>
      </c>
      <c r="S124" s="6"/>
      <c r="T124" s="6" t="s">
        <v>71</v>
      </c>
      <c r="U124" s="6"/>
      <c r="V124" s="3" t="s">
        <v>36</v>
      </c>
      <c r="W124" s="6" t="s">
        <v>420</v>
      </c>
    </row>
    <row r="125" spans="1:23" s="11" customFormat="1" ht="409.5">
      <c r="A125" s="70">
        <v>896340018</v>
      </c>
      <c r="B125" s="67"/>
      <c r="C125" s="63" t="s">
        <v>421</v>
      </c>
      <c r="D125" s="65" t="s">
        <v>126</v>
      </c>
      <c r="E125" s="67" t="s">
        <v>27</v>
      </c>
      <c r="F125" s="48" t="s">
        <v>1818</v>
      </c>
      <c r="G125" s="12" t="s">
        <v>422</v>
      </c>
      <c r="H125" s="6"/>
      <c r="I125" s="6"/>
      <c r="J125" s="6" t="s">
        <v>354</v>
      </c>
      <c r="K125" s="13" t="s">
        <v>416</v>
      </c>
      <c r="L125" s="6"/>
      <c r="M125" s="6"/>
      <c r="N125" s="6" t="s">
        <v>360</v>
      </c>
      <c r="O125" s="6" t="s">
        <v>410</v>
      </c>
      <c r="P125" s="13">
        <v>75</v>
      </c>
      <c r="Q125" s="6">
        <v>150</v>
      </c>
      <c r="R125" s="6" t="s">
        <v>83</v>
      </c>
      <c r="S125" s="6"/>
      <c r="T125" s="6" t="s">
        <v>71</v>
      </c>
      <c r="U125" s="6"/>
      <c r="V125" s="3" t="s">
        <v>36</v>
      </c>
      <c r="W125" s="6" t="s">
        <v>420</v>
      </c>
    </row>
    <row r="126" spans="1:23" s="11" customFormat="1" ht="409.5">
      <c r="A126" s="70">
        <v>772340011</v>
      </c>
      <c r="B126" s="67" t="s">
        <v>423</v>
      </c>
      <c r="C126" s="63" t="s">
        <v>424</v>
      </c>
      <c r="D126" s="65" t="s">
        <v>126</v>
      </c>
      <c r="E126" s="67" t="s">
        <v>266</v>
      </c>
      <c r="F126" s="48" t="s">
        <v>1819</v>
      </c>
      <c r="G126" s="12" t="s">
        <v>425</v>
      </c>
      <c r="H126" s="6"/>
      <c r="I126" s="6"/>
      <c r="J126" s="6" t="s">
        <v>348</v>
      </c>
      <c r="K126" s="13" t="s">
        <v>402</v>
      </c>
      <c r="L126" s="6"/>
      <c r="M126" s="6"/>
      <c r="N126" s="6" t="s">
        <v>360</v>
      </c>
      <c r="O126" s="6" t="s">
        <v>410</v>
      </c>
      <c r="P126" s="13">
        <v>320</v>
      </c>
      <c r="Q126" s="6">
        <v>450</v>
      </c>
      <c r="R126" s="6" t="s">
        <v>35</v>
      </c>
      <c r="S126" s="6"/>
      <c r="T126" s="6" t="s">
        <v>71</v>
      </c>
      <c r="U126" s="6"/>
      <c r="V126" s="3" t="s">
        <v>36</v>
      </c>
      <c r="W126" s="6" t="s">
        <v>426</v>
      </c>
    </row>
    <row r="127" spans="1:23" s="11" customFormat="1" ht="409.5">
      <c r="A127" s="70">
        <v>772340015</v>
      </c>
      <c r="B127" s="67" t="s">
        <v>423</v>
      </c>
      <c r="C127" s="63" t="s">
        <v>427</v>
      </c>
      <c r="D127" s="65" t="s">
        <v>126</v>
      </c>
      <c r="E127" s="67" t="s">
        <v>266</v>
      </c>
      <c r="F127" s="48" t="s">
        <v>1819</v>
      </c>
      <c r="G127" s="12" t="s">
        <v>428</v>
      </c>
      <c r="H127" s="6"/>
      <c r="I127" s="6"/>
      <c r="J127" s="6" t="s">
        <v>348</v>
      </c>
      <c r="K127" s="13" t="s">
        <v>402</v>
      </c>
      <c r="L127" s="6"/>
      <c r="M127" s="6"/>
      <c r="N127" s="6" t="s">
        <v>360</v>
      </c>
      <c r="O127" s="6" t="s">
        <v>410</v>
      </c>
      <c r="P127" s="13">
        <v>320</v>
      </c>
      <c r="Q127" s="6">
        <v>450</v>
      </c>
      <c r="R127" s="6" t="s">
        <v>35</v>
      </c>
      <c r="S127" s="6"/>
      <c r="T127" s="6" t="s">
        <v>71</v>
      </c>
      <c r="U127" s="6"/>
      <c r="V127" s="3" t="s">
        <v>36</v>
      </c>
      <c r="W127" s="6" t="s">
        <v>426</v>
      </c>
    </row>
    <row r="128" spans="1:23" s="11" customFormat="1" ht="409.5">
      <c r="A128" s="70">
        <v>772340008</v>
      </c>
      <c r="B128" s="67" t="s">
        <v>423</v>
      </c>
      <c r="C128" s="63" t="s">
        <v>429</v>
      </c>
      <c r="D128" s="65" t="s">
        <v>126</v>
      </c>
      <c r="E128" s="67" t="s">
        <v>266</v>
      </c>
      <c r="F128" s="48" t="s">
        <v>1819</v>
      </c>
      <c r="G128" s="12" t="s">
        <v>430</v>
      </c>
      <c r="H128" s="6"/>
      <c r="I128" s="6"/>
      <c r="J128" s="6" t="s">
        <v>348</v>
      </c>
      <c r="K128" s="13" t="s">
        <v>402</v>
      </c>
      <c r="L128" s="6"/>
      <c r="M128" s="6"/>
      <c r="N128" s="6" t="s">
        <v>360</v>
      </c>
      <c r="O128" s="6" t="s">
        <v>410</v>
      </c>
      <c r="P128" s="13">
        <v>320</v>
      </c>
      <c r="Q128" s="6">
        <v>450</v>
      </c>
      <c r="R128" s="6" t="s">
        <v>35</v>
      </c>
      <c r="S128" s="6"/>
      <c r="T128" s="6" t="s">
        <v>71</v>
      </c>
      <c r="U128" s="6"/>
      <c r="V128" s="3" t="s">
        <v>36</v>
      </c>
      <c r="W128" s="6" t="s">
        <v>426</v>
      </c>
    </row>
    <row r="129" spans="1:23" s="11" customFormat="1" ht="409.5">
      <c r="A129" s="70">
        <v>772340009</v>
      </c>
      <c r="B129" s="67" t="s">
        <v>423</v>
      </c>
      <c r="C129" s="63" t="s">
        <v>431</v>
      </c>
      <c r="D129" s="65" t="s">
        <v>126</v>
      </c>
      <c r="E129" s="67" t="s">
        <v>266</v>
      </c>
      <c r="F129" s="48" t="s">
        <v>1819</v>
      </c>
      <c r="G129" s="12" t="s">
        <v>432</v>
      </c>
      <c r="H129" s="6"/>
      <c r="I129" s="6"/>
      <c r="J129" s="6" t="s">
        <v>348</v>
      </c>
      <c r="K129" s="13" t="s">
        <v>402</v>
      </c>
      <c r="L129" s="6"/>
      <c r="M129" s="6"/>
      <c r="N129" s="6" t="s">
        <v>360</v>
      </c>
      <c r="O129" s="6" t="s">
        <v>410</v>
      </c>
      <c r="P129" s="13">
        <v>320</v>
      </c>
      <c r="Q129" s="6">
        <v>450</v>
      </c>
      <c r="R129" s="6" t="s">
        <v>35</v>
      </c>
      <c r="S129" s="6"/>
      <c r="T129" s="6" t="s">
        <v>71</v>
      </c>
      <c r="U129" s="6"/>
      <c r="V129" s="3" t="s">
        <v>36</v>
      </c>
      <c r="W129" s="6" t="s">
        <v>426</v>
      </c>
    </row>
    <row r="130" spans="1:23" s="11" customFormat="1" ht="409.5">
      <c r="A130" s="70">
        <v>772340014</v>
      </c>
      <c r="B130" s="67" t="s">
        <v>423</v>
      </c>
      <c r="C130" s="63" t="s">
        <v>433</v>
      </c>
      <c r="D130" s="65" t="s">
        <v>126</v>
      </c>
      <c r="E130" s="67" t="s">
        <v>266</v>
      </c>
      <c r="F130" s="48" t="s">
        <v>1819</v>
      </c>
      <c r="G130" s="12" t="s">
        <v>425</v>
      </c>
      <c r="H130" s="6"/>
      <c r="I130" s="6"/>
      <c r="J130" s="6" t="s">
        <v>348</v>
      </c>
      <c r="K130" s="13" t="s">
        <v>402</v>
      </c>
      <c r="L130" s="6"/>
      <c r="M130" s="6"/>
      <c r="N130" s="6" t="s">
        <v>360</v>
      </c>
      <c r="O130" s="6" t="s">
        <v>410</v>
      </c>
      <c r="P130" s="13">
        <v>320</v>
      </c>
      <c r="Q130" s="6">
        <v>450</v>
      </c>
      <c r="R130" s="6" t="s">
        <v>35</v>
      </c>
      <c r="S130" s="6"/>
      <c r="T130" s="6" t="s">
        <v>71</v>
      </c>
      <c r="U130" s="6"/>
      <c r="V130" s="3" t="s">
        <v>36</v>
      </c>
      <c r="W130" s="6" t="s">
        <v>426</v>
      </c>
    </row>
    <row r="131" spans="1:23" s="11" customFormat="1" ht="409.5">
      <c r="A131" s="70">
        <v>772340013</v>
      </c>
      <c r="B131" s="67" t="s">
        <v>423</v>
      </c>
      <c r="C131" s="63" t="s">
        <v>434</v>
      </c>
      <c r="D131" s="65" t="s">
        <v>126</v>
      </c>
      <c r="E131" s="67" t="s">
        <v>266</v>
      </c>
      <c r="F131" s="48" t="s">
        <v>1819</v>
      </c>
      <c r="G131" s="12" t="s">
        <v>428</v>
      </c>
      <c r="H131" s="6"/>
      <c r="I131" s="6"/>
      <c r="J131" s="6" t="s">
        <v>348</v>
      </c>
      <c r="K131" s="13" t="s">
        <v>402</v>
      </c>
      <c r="L131" s="6"/>
      <c r="M131" s="6"/>
      <c r="N131" s="6" t="s">
        <v>360</v>
      </c>
      <c r="O131" s="6" t="s">
        <v>410</v>
      </c>
      <c r="P131" s="13">
        <v>320</v>
      </c>
      <c r="Q131" s="6">
        <v>450</v>
      </c>
      <c r="R131" s="6" t="s">
        <v>35</v>
      </c>
      <c r="S131" s="6"/>
      <c r="T131" s="6" t="s">
        <v>71</v>
      </c>
      <c r="U131" s="6"/>
      <c r="V131" s="3" t="s">
        <v>36</v>
      </c>
      <c r="W131" s="6" t="s">
        <v>426</v>
      </c>
    </row>
    <row r="132" spans="1:23" s="11" customFormat="1" ht="409.5">
      <c r="A132" s="70">
        <v>772340012</v>
      </c>
      <c r="B132" s="67" t="s">
        <v>423</v>
      </c>
      <c r="C132" s="63" t="s">
        <v>435</v>
      </c>
      <c r="D132" s="65" t="s">
        <v>126</v>
      </c>
      <c r="E132" s="67" t="s">
        <v>266</v>
      </c>
      <c r="F132" s="48" t="s">
        <v>1819</v>
      </c>
      <c r="G132" s="12" t="s">
        <v>436</v>
      </c>
      <c r="H132" s="6"/>
      <c r="I132" s="6"/>
      <c r="J132" s="6" t="s">
        <v>348</v>
      </c>
      <c r="K132" s="13" t="s">
        <v>402</v>
      </c>
      <c r="L132" s="6"/>
      <c r="M132" s="6"/>
      <c r="N132" s="6" t="s">
        <v>360</v>
      </c>
      <c r="O132" s="6" t="s">
        <v>410</v>
      </c>
      <c r="P132" s="13">
        <v>320</v>
      </c>
      <c r="Q132" s="6">
        <v>450</v>
      </c>
      <c r="R132" s="6" t="s">
        <v>35</v>
      </c>
      <c r="S132" s="6"/>
      <c r="T132" s="6" t="s">
        <v>71</v>
      </c>
      <c r="U132" s="6"/>
      <c r="V132" s="3" t="s">
        <v>36</v>
      </c>
      <c r="W132" s="6" t="s">
        <v>426</v>
      </c>
    </row>
    <row r="133" spans="1:23" s="11" customFormat="1" ht="409.5">
      <c r="A133" s="70">
        <v>772340006</v>
      </c>
      <c r="B133" s="67" t="s">
        <v>423</v>
      </c>
      <c r="C133" s="63" t="s">
        <v>437</v>
      </c>
      <c r="D133" s="65" t="s">
        <v>126</v>
      </c>
      <c r="E133" s="67" t="s">
        <v>266</v>
      </c>
      <c r="F133" s="48" t="s">
        <v>1819</v>
      </c>
      <c r="G133" s="12" t="s">
        <v>428</v>
      </c>
      <c r="H133" s="6"/>
      <c r="I133" s="6"/>
      <c r="J133" s="6" t="s">
        <v>348</v>
      </c>
      <c r="K133" s="13" t="s">
        <v>402</v>
      </c>
      <c r="L133" s="6"/>
      <c r="M133" s="6"/>
      <c r="N133" s="6" t="s">
        <v>360</v>
      </c>
      <c r="O133" s="6" t="s">
        <v>410</v>
      </c>
      <c r="P133" s="13">
        <v>320</v>
      </c>
      <c r="Q133" s="6">
        <v>450</v>
      </c>
      <c r="R133" s="6" t="s">
        <v>35</v>
      </c>
      <c r="S133" s="6"/>
      <c r="T133" s="6" t="s">
        <v>71</v>
      </c>
      <c r="U133" s="6"/>
      <c r="V133" s="3" t="s">
        <v>36</v>
      </c>
      <c r="W133" s="6" t="s">
        <v>426</v>
      </c>
    </row>
    <row r="134" spans="1:23" s="11" customFormat="1" ht="409.5">
      <c r="A134" s="70">
        <v>556130026</v>
      </c>
      <c r="B134" s="67"/>
      <c r="C134" s="63" t="s">
        <v>438</v>
      </c>
      <c r="D134" s="65" t="s">
        <v>124</v>
      </c>
      <c r="E134" s="67" t="s">
        <v>27</v>
      </c>
      <c r="F134" s="48" t="s">
        <v>1820</v>
      </c>
      <c r="G134" s="12" t="s">
        <v>439</v>
      </c>
      <c r="H134" s="6"/>
      <c r="I134" s="6"/>
      <c r="J134" s="6" t="s">
        <v>348</v>
      </c>
      <c r="K134" s="13" t="s">
        <v>355</v>
      </c>
      <c r="L134" s="6"/>
      <c r="M134" s="6"/>
      <c r="N134" s="6" t="s">
        <v>360</v>
      </c>
      <c r="O134" s="6" t="s">
        <v>410</v>
      </c>
      <c r="P134" s="13">
        <v>200</v>
      </c>
      <c r="Q134" s="6">
        <v>350</v>
      </c>
      <c r="R134" s="6" t="s">
        <v>35</v>
      </c>
      <c r="S134" s="6"/>
      <c r="T134" s="6" t="s">
        <v>71</v>
      </c>
      <c r="U134" s="6"/>
      <c r="V134" s="3" t="s">
        <v>36</v>
      </c>
      <c r="W134" s="6" t="s">
        <v>698</v>
      </c>
    </row>
    <row r="135" spans="1:23" s="11" customFormat="1" ht="387.5">
      <c r="A135" s="70">
        <v>556130019</v>
      </c>
      <c r="B135" s="67"/>
      <c r="C135" s="63" t="s">
        <v>440</v>
      </c>
      <c r="D135" s="65" t="s">
        <v>124</v>
      </c>
      <c r="E135" s="67" t="s">
        <v>27</v>
      </c>
      <c r="F135" s="48" t="s">
        <v>1820</v>
      </c>
      <c r="G135" s="12" t="s">
        <v>441</v>
      </c>
      <c r="H135" s="6"/>
      <c r="I135" s="6"/>
      <c r="J135" s="6" t="s">
        <v>348</v>
      </c>
      <c r="K135" s="13" t="s">
        <v>355</v>
      </c>
      <c r="L135" s="6"/>
      <c r="M135" s="6"/>
      <c r="N135" s="6" t="s">
        <v>360</v>
      </c>
      <c r="O135" s="6" t="s">
        <v>410</v>
      </c>
      <c r="P135" s="13">
        <v>259</v>
      </c>
      <c r="Q135" s="6">
        <v>395</v>
      </c>
      <c r="R135" s="6" t="s">
        <v>35</v>
      </c>
      <c r="S135" s="6"/>
      <c r="T135" s="6" t="s">
        <v>71</v>
      </c>
      <c r="U135" s="6"/>
      <c r="V135" s="3" t="s">
        <v>36</v>
      </c>
      <c r="W135" s="6" t="s">
        <v>698</v>
      </c>
    </row>
    <row r="136" spans="1:23" s="11" customFormat="1" ht="409.5">
      <c r="A136" s="70">
        <v>552340011</v>
      </c>
      <c r="B136" s="67" t="s">
        <v>442</v>
      </c>
      <c r="C136" s="63" t="s">
        <v>443</v>
      </c>
      <c r="D136" s="65" t="s">
        <v>126</v>
      </c>
      <c r="E136" s="67" t="s">
        <v>388</v>
      </c>
      <c r="F136" s="48" t="s">
        <v>1821</v>
      </c>
      <c r="G136" s="12" t="s">
        <v>444</v>
      </c>
      <c r="H136" s="6"/>
      <c r="I136" s="6"/>
      <c r="J136" s="6" t="s">
        <v>348</v>
      </c>
      <c r="K136" s="13" t="s">
        <v>445</v>
      </c>
      <c r="L136" s="6" t="s">
        <v>446</v>
      </c>
      <c r="M136" s="6" t="s">
        <v>447</v>
      </c>
      <c r="N136" s="6" t="s">
        <v>360</v>
      </c>
      <c r="O136" s="6" t="s">
        <v>410</v>
      </c>
      <c r="P136" s="13">
        <v>80</v>
      </c>
      <c r="Q136" s="6">
        <v>190</v>
      </c>
      <c r="R136" s="6" t="s">
        <v>83</v>
      </c>
      <c r="S136" s="6"/>
      <c r="T136" s="6" t="s">
        <v>71</v>
      </c>
      <c r="U136" s="6"/>
      <c r="V136" s="3" t="s">
        <v>36</v>
      </c>
      <c r="W136" s="6" t="s">
        <v>448</v>
      </c>
    </row>
    <row r="137" spans="1:23" s="11" customFormat="1" ht="387.5">
      <c r="A137" s="70">
        <v>440330038</v>
      </c>
      <c r="B137" s="67"/>
      <c r="C137" s="63" t="s">
        <v>449</v>
      </c>
      <c r="D137" s="65" t="s">
        <v>124</v>
      </c>
      <c r="E137" s="67" t="s">
        <v>81</v>
      </c>
      <c r="F137" s="48" t="s">
        <v>1822</v>
      </c>
      <c r="G137" s="12" t="s">
        <v>450</v>
      </c>
      <c r="H137" s="6"/>
      <c r="I137" s="6"/>
      <c r="J137" s="6" t="s">
        <v>348</v>
      </c>
      <c r="K137" s="13" t="s">
        <v>446</v>
      </c>
      <c r="L137" s="6"/>
      <c r="M137" s="6"/>
      <c r="N137" s="6" t="s">
        <v>360</v>
      </c>
      <c r="O137" s="6" t="s">
        <v>410</v>
      </c>
      <c r="P137" s="13">
        <v>250</v>
      </c>
      <c r="Q137" s="6">
        <v>350</v>
      </c>
      <c r="R137" s="6" t="s">
        <v>35</v>
      </c>
      <c r="S137" s="6"/>
      <c r="T137" s="6" t="s">
        <v>71</v>
      </c>
      <c r="U137" s="6"/>
      <c r="V137" s="3" t="s">
        <v>36</v>
      </c>
      <c r="W137" s="6" t="s">
        <v>451</v>
      </c>
    </row>
    <row r="138" spans="1:23" s="11" customFormat="1" ht="372">
      <c r="A138" s="70">
        <v>112350026</v>
      </c>
      <c r="B138" s="67"/>
      <c r="C138" s="63" t="s">
        <v>452</v>
      </c>
      <c r="D138" s="65" t="s">
        <v>697</v>
      </c>
      <c r="E138" s="67" t="s">
        <v>143</v>
      </c>
      <c r="F138" s="48" t="s">
        <v>1823</v>
      </c>
      <c r="G138" s="23" t="s">
        <v>453</v>
      </c>
      <c r="H138" s="6"/>
      <c r="I138" s="6"/>
      <c r="J138" s="6" t="s">
        <v>454</v>
      </c>
      <c r="K138" s="13" t="s">
        <v>30</v>
      </c>
      <c r="L138" s="6"/>
      <c r="M138" s="6"/>
      <c r="N138" s="6" t="s">
        <v>360</v>
      </c>
      <c r="O138" s="6" t="s">
        <v>455</v>
      </c>
      <c r="P138" s="13">
        <v>102</v>
      </c>
      <c r="Q138" s="6">
        <v>150</v>
      </c>
      <c r="R138" s="6" t="s">
        <v>35</v>
      </c>
      <c r="S138" s="6"/>
      <c r="T138" s="6" t="s">
        <v>71</v>
      </c>
      <c r="U138" s="6"/>
      <c r="V138" s="3" t="s">
        <v>36</v>
      </c>
      <c r="W138" s="6" t="s">
        <v>456</v>
      </c>
    </row>
    <row r="139" spans="1:23" s="11" customFormat="1" ht="403">
      <c r="A139" s="70">
        <v>112350025</v>
      </c>
      <c r="B139" s="67"/>
      <c r="C139" s="63" t="s">
        <v>457</v>
      </c>
      <c r="D139" s="65" t="s">
        <v>697</v>
      </c>
      <c r="E139" s="67" t="s">
        <v>53</v>
      </c>
      <c r="F139" s="48" t="s">
        <v>1823</v>
      </c>
      <c r="G139" s="23" t="s">
        <v>453</v>
      </c>
      <c r="H139" s="6"/>
      <c r="I139" s="6"/>
      <c r="J139" s="6" t="s">
        <v>454</v>
      </c>
      <c r="K139" s="13" t="s">
        <v>30</v>
      </c>
      <c r="L139" s="6"/>
      <c r="M139" s="6"/>
      <c r="N139" s="6" t="s">
        <v>360</v>
      </c>
      <c r="O139" s="6" t="s">
        <v>455</v>
      </c>
      <c r="P139" s="13">
        <v>102</v>
      </c>
      <c r="Q139" s="6">
        <v>150</v>
      </c>
      <c r="R139" s="6" t="s">
        <v>35</v>
      </c>
      <c r="S139" s="6"/>
      <c r="T139" s="6" t="s">
        <v>71</v>
      </c>
      <c r="U139" s="6"/>
      <c r="V139" s="3" t="s">
        <v>36</v>
      </c>
      <c r="W139" s="6" t="s">
        <v>456</v>
      </c>
    </row>
    <row r="140" spans="1:23" s="11" customFormat="1" ht="372">
      <c r="A140" s="70">
        <v>112350031</v>
      </c>
      <c r="B140" s="67"/>
      <c r="C140" s="63" t="s">
        <v>458</v>
      </c>
      <c r="D140" s="65" t="s">
        <v>697</v>
      </c>
      <c r="E140" s="67" t="s">
        <v>157</v>
      </c>
      <c r="F140" s="48" t="s">
        <v>1824</v>
      </c>
      <c r="G140" s="12" t="s">
        <v>459</v>
      </c>
      <c r="H140" s="6"/>
      <c r="I140" s="6"/>
      <c r="J140" s="6" t="s">
        <v>454</v>
      </c>
      <c r="K140" s="13" t="s">
        <v>30</v>
      </c>
      <c r="L140" s="6"/>
      <c r="M140" s="6"/>
      <c r="N140" s="6" t="s">
        <v>360</v>
      </c>
      <c r="O140" s="6" t="s">
        <v>455</v>
      </c>
      <c r="P140" s="13">
        <v>28</v>
      </c>
      <c r="Q140" s="6">
        <v>35</v>
      </c>
      <c r="R140" s="6" t="s">
        <v>35</v>
      </c>
      <c r="S140" s="6"/>
      <c r="T140" s="6" t="s">
        <v>71</v>
      </c>
      <c r="U140" s="6"/>
      <c r="V140" s="3" t="s">
        <v>36</v>
      </c>
      <c r="W140" s="6" t="s">
        <v>456</v>
      </c>
    </row>
    <row r="141" spans="1:23" s="11" customFormat="1" ht="409.5">
      <c r="A141" s="70">
        <v>112350027</v>
      </c>
      <c r="B141" s="67"/>
      <c r="C141" s="63" t="s">
        <v>460</v>
      </c>
      <c r="D141" s="65" t="s">
        <v>697</v>
      </c>
      <c r="E141" s="67" t="s">
        <v>53</v>
      </c>
      <c r="F141" s="48" t="s">
        <v>1825</v>
      </c>
      <c r="G141" s="12" t="s">
        <v>461</v>
      </c>
      <c r="H141" s="6"/>
      <c r="I141" s="6"/>
      <c r="J141" s="6" t="s">
        <v>454</v>
      </c>
      <c r="K141" s="13" t="s">
        <v>30</v>
      </c>
      <c r="L141" s="6"/>
      <c r="M141" s="6"/>
      <c r="N141" s="6" t="s">
        <v>360</v>
      </c>
      <c r="O141" s="6" t="s">
        <v>455</v>
      </c>
      <c r="P141" s="13">
        <v>175</v>
      </c>
      <c r="Q141" s="6">
        <v>250</v>
      </c>
      <c r="R141" s="6" t="s">
        <v>35</v>
      </c>
      <c r="S141" s="6"/>
      <c r="T141" s="6" t="s">
        <v>71</v>
      </c>
      <c r="U141" s="6"/>
      <c r="V141" s="3" t="s">
        <v>36</v>
      </c>
      <c r="W141" s="6" t="s">
        <v>456</v>
      </c>
    </row>
    <row r="142" spans="1:23" s="11" customFormat="1" ht="409.5">
      <c r="A142" s="70">
        <v>112350028</v>
      </c>
      <c r="B142" s="67"/>
      <c r="C142" s="63" t="s">
        <v>462</v>
      </c>
      <c r="D142" s="65" t="s">
        <v>697</v>
      </c>
      <c r="E142" s="67" t="s">
        <v>53</v>
      </c>
      <c r="F142" s="48" t="s">
        <v>1826</v>
      </c>
      <c r="G142" s="12" t="s">
        <v>461</v>
      </c>
      <c r="H142" s="6"/>
      <c r="I142" s="6"/>
      <c r="J142" s="6" t="s">
        <v>454</v>
      </c>
      <c r="K142" s="13" t="s">
        <v>30</v>
      </c>
      <c r="L142" s="6"/>
      <c r="M142" s="6"/>
      <c r="N142" s="6" t="s">
        <v>360</v>
      </c>
      <c r="O142" s="6" t="s">
        <v>455</v>
      </c>
      <c r="P142" s="13">
        <v>175</v>
      </c>
      <c r="Q142" s="6">
        <v>250</v>
      </c>
      <c r="R142" s="6" t="s">
        <v>35</v>
      </c>
      <c r="S142" s="6"/>
      <c r="T142" s="6" t="s">
        <v>71</v>
      </c>
      <c r="U142" s="6"/>
      <c r="V142" s="3" t="s">
        <v>36</v>
      </c>
      <c r="W142" s="6" t="s">
        <v>456</v>
      </c>
    </row>
    <row r="143" spans="1:23" s="11" customFormat="1" ht="409.5">
      <c r="A143" s="70">
        <v>112350029</v>
      </c>
      <c r="B143" s="67"/>
      <c r="C143" s="63" t="s">
        <v>464</v>
      </c>
      <c r="D143" s="65" t="s">
        <v>697</v>
      </c>
      <c r="E143" s="67" t="s">
        <v>157</v>
      </c>
      <c r="F143" s="48" t="s">
        <v>1827</v>
      </c>
      <c r="G143" s="12" t="s">
        <v>461</v>
      </c>
      <c r="H143" s="6"/>
      <c r="I143" s="6"/>
      <c r="J143" s="6" t="s">
        <v>454</v>
      </c>
      <c r="K143" s="13" t="s">
        <v>30</v>
      </c>
      <c r="L143" s="6"/>
      <c r="M143" s="6"/>
      <c r="N143" s="6" t="s">
        <v>360</v>
      </c>
      <c r="O143" s="6" t="s">
        <v>455</v>
      </c>
      <c r="P143" s="13">
        <v>110</v>
      </c>
      <c r="Q143" s="6">
        <v>150</v>
      </c>
      <c r="R143" s="6" t="s">
        <v>35</v>
      </c>
      <c r="S143" s="6"/>
      <c r="T143" s="6" t="s">
        <v>71</v>
      </c>
      <c r="U143" s="6"/>
      <c r="V143" s="3" t="s">
        <v>36</v>
      </c>
      <c r="W143" s="6" t="s">
        <v>456</v>
      </c>
    </row>
    <row r="144" spans="1:23" s="11" customFormat="1" ht="15.5">
      <c r="A144" s="70">
        <v>112350030</v>
      </c>
      <c r="B144" s="67"/>
      <c r="C144" s="63" t="s">
        <v>465</v>
      </c>
      <c r="D144" s="65" t="s">
        <v>697</v>
      </c>
      <c r="E144" s="67" t="s">
        <v>53</v>
      </c>
      <c r="F144" s="48" t="s">
        <v>463</v>
      </c>
      <c r="G144" s="12" t="s">
        <v>461</v>
      </c>
      <c r="H144" s="6"/>
      <c r="I144" s="6"/>
      <c r="J144" s="6" t="s">
        <v>454</v>
      </c>
      <c r="K144" s="13" t="s">
        <v>30</v>
      </c>
      <c r="L144" s="6"/>
      <c r="M144" s="6"/>
      <c r="N144" s="6" t="s">
        <v>360</v>
      </c>
      <c r="O144" s="6" t="s">
        <v>455</v>
      </c>
      <c r="P144" s="13">
        <v>110</v>
      </c>
      <c r="Q144" s="6">
        <v>150</v>
      </c>
      <c r="R144" s="6" t="s">
        <v>35</v>
      </c>
      <c r="S144" s="6"/>
      <c r="T144" s="6" t="s">
        <v>71</v>
      </c>
      <c r="U144" s="6"/>
      <c r="V144" s="3" t="s">
        <v>36</v>
      </c>
      <c r="W144" s="6" t="s">
        <v>456</v>
      </c>
    </row>
    <row r="145" spans="1:23" s="11" customFormat="1" ht="15.5">
      <c r="A145" s="70">
        <v>331330028</v>
      </c>
      <c r="B145" s="67"/>
      <c r="C145" s="63" t="s">
        <v>466</v>
      </c>
      <c r="D145" s="65" t="s">
        <v>124</v>
      </c>
      <c r="E145" s="67" t="s">
        <v>81</v>
      </c>
      <c r="F145" s="48" t="s">
        <v>467</v>
      </c>
      <c r="G145" s="12" t="s">
        <v>468</v>
      </c>
      <c r="H145" s="6"/>
      <c r="I145" s="6"/>
      <c r="J145" s="6" t="s">
        <v>348</v>
      </c>
      <c r="K145" s="13" t="s">
        <v>355</v>
      </c>
      <c r="L145" s="6"/>
      <c r="M145" s="6"/>
      <c r="N145" s="6" t="s">
        <v>360</v>
      </c>
      <c r="O145" s="6" t="s">
        <v>273</v>
      </c>
      <c r="P145" s="13">
        <v>200</v>
      </c>
      <c r="Q145" s="6">
        <v>350</v>
      </c>
      <c r="R145" s="6" t="s">
        <v>35</v>
      </c>
      <c r="S145" s="6"/>
      <c r="T145" s="6" t="s">
        <v>71</v>
      </c>
      <c r="U145" s="6"/>
      <c r="V145" s="3" t="s">
        <v>36</v>
      </c>
      <c r="W145" s="6" t="s">
        <v>469</v>
      </c>
    </row>
    <row r="146" spans="1:23" s="11" customFormat="1" ht="15.5">
      <c r="A146" s="70">
        <v>564330017</v>
      </c>
      <c r="B146" s="67"/>
      <c r="C146" s="63" t="s">
        <v>470</v>
      </c>
      <c r="D146" s="65" t="s">
        <v>124</v>
      </c>
      <c r="E146" s="67" t="s">
        <v>27</v>
      </c>
      <c r="F146" s="48" t="s">
        <v>471</v>
      </c>
      <c r="G146" s="12" t="s">
        <v>472</v>
      </c>
      <c r="H146" s="6"/>
      <c r="I146" s="6"/>
      <c r="J146" s="6" t="s">
        <v>348</v>
      </c>
      <c r="K146" s="13" t="s">
        <v>342</v>
      </c>
      <c r="L146" s="6"/>
      <c r="M146" s="6"/>
      <c r="N146" s="6" t="s">
        <v>360</v>
      </c>
      <c r="O146" s="6" t="s">
        <v>455</v>
      </c>
      <c r="P146" s="13">
        <v>350</v>
      </c>
      <c r="Q146" s="6">
        <v>490</v>
      </c>
      <c r="R146" s="6" t="s">
        <v>35</v>
      </c>
      <c r="S146" s="6"/>
      <c r="T146" s="6" t="s">
        <v>71</v>
      </c>
      <c r="U146" s="6"/>
      <c r="V146" s="3" t="s">
        <v>36</v>
      </c>
      <c r="W146" s="6" t="s">
        <v>361</v>
      </c>
    </row>
    <row r="147" spans="1:23" s="11" customFormat="1" ht="15.5">
      <c r="A147" s="70">
        <v>564330002</v>
      </c>
      <c r="B147" s="67"/>
      <c r="C147" s="63" t="s">
        <v>473</v>
      </c>
      <c r="D147" s="65" t="s">
        <v>124</v>
      </c>
      <c r="E147" s="67" t="s">
        <v>27</v>
      </c>
      <c r="F147" s="48" t="s">
        <v>474</v>
      </c>
      <c r="G147" s="12" t="s">
        <v>475</v>
      </c>
      <c r="H147" s="6"/>
      <c r="I147" s="6"/>
      <c r="J147" s="6" t="s">
        <v>348</v>
      </c>
      <c r="K147" s="13" t="s">
        <v>342</v>
      </c>
      <c r="L147" s="6"/>
      <c r="M147" s="6"/>
      <c r="N147" s="6" t="s">
        <v>360</v>
      </c>
      <c r="O147" s="6" t="s">
        <v>455</v>
      </c>
      <c r="P147" s="13">
        <v>150</v>
      </c>
      <c r="Q147" s="6">
        <v>300</v>
      </c>
      <c r="R147" s="6" t="s">
        <v>35</v>
      </c>
      <c r="S147" s="6"/>
      <c r="T147" s="6" t="s">
        <v>71</v>
      </c>
      <c r="U147" s="6"/>
      <c r="V147" s="3" t="s">
        <v>36</v>
      </c>
      <c r="W147" s="6" t="s">
        <v>361</v>
      </c>
    </row>
    <row r="148" spans="1:23" s="11" customFormat="1" ht="15.5">
      <c r="A148" s="70">
        <v>448330008</v>
      </c>
      <c r="B148" s="67"/>
      <c r="C148" s="63" t="s">
        <v>476</v>
      </c>
      <c r="D148" s="65" t="s">
        <v>124</v>
      </c>
      <c r="E148" s="67" t="s">
        <v>27</v>
      </c>
      <c r="F148" s="48" t="s">
        <v>371</v>
      </c>
      <c r="G148" s="12" t="s">
        <v>477</v>
      </c>
      <c r="H148" s="6"/>
      <c r="I148" s="6"/>
      <c r="J148" s="6" t="s">
        <v>348</v>
      </c>
      <c r="K148" s="13" t="s">
        <v>342</v>
      </c>
      <c r="L148" s="6"/>
      <c r="M148" s="6"/>
      <c r="N148" s="6" t="s">
        <v>360</v>
      </c>
      <c r="O148" s="6" t="s">
        <v>273</v>
      </c>
      <c r="P148" s="13">
        <v>80</v>
      </c>
      <c r="Q148" s="6">
        <v>150</v>
      </c>
      <c r="R148" s="6" t="s">
        <v>83</v>
      </c>
      <c r="S148" s="6"/>
      <c r="T148" s="6" t="s">
        <v>71</v>
      </c>
      <c r="U148" s="6"/>
      <c r="V148" s="3" t="s">
        <v>36</v>
      </c>
      <c r="W148" s="6" t="s">
        <v>478</v>
      </c>
    </row>
    <row r="149" spans="1:23" s="11" customFormat="1" ht="15.5">
      <c r="A149" s="70">
        <v>439330015</v>
      </c>
      <c r="B149" s="67"/>
      <c r="C149" s="63" t="s">
        <v>479</v>
      </c>
      <c r="D149" s="65" t="s">
        <v>124</v>
      </c>
      <c r="E149" s="67" t="s">
        <v>266</v>
      </c>
      <c r="F149" s="48" t="s">
        <v>480</v>
      </c>
      <c r="G149" s="12" t="s">
        <v>481</v>
      </c>
      <c r="H149" s="6"/>
      <c r="I149" s="6"/>
      <c r="J149" s="6" t="s">
        <v>348</v>
      </c>
      <c r="K149" s="13" t="s">
        <v>342</v>
      </c>
      <c r="L149" s="6"/>
      <c r="M149" s="6"/>
      <c r="N149" s="6" t="s">
        <v>360</v>
      </c>
      <c r="O149" s="6" t="s">
        <v>273</v>
      </c>
      <c r="P149" s="13">
        <v>300</v>
      </c>
      <c r="Q149" s="6">
        <v>550</v>
      </c>
      <c r="R149" s="6" t="s">
        <v>35</v>
      </c>
      <c r="S149" s="6"/>
      <c r="T149" s="6" t="s">
        <v>71</v>
      </c>
      <c r="U149" s="6"/>
      <c r="V149" s="3" t="s">
        <v>36</v>
      </c>
      <c r="W149" s="6" t="s">
        <v>482</v>
      </c>
    </row>
    <row r="150" spans="1:23" s="11" customFormat="1" ht="15.5">
      <c r="A150" s="70">
        <v>439330016</v>
      </c>
      <c r="B150" s="67"/>
      <c r="C150" s="63" t="s">
        <v>483</v>
      </c>
      <c r="D150" s="65" t="s">
        <v>124</v>
      </c>
      <c r="E150" s="67" t="s">
        <v>266</v>
      </c>
      <c r="F150" s="48" t="s">
        <v>363</v>
      </c>
      <c r="G150" s="12" t="s">
        <v>484</v>
      </c>
      <c r="H150" s="6"/>
      <c r="I150" s="6"/>
      <c r="J150" s="6" t="s">
        <v>348</v>
      </c>
      <c r="K150" s="13" t="s">
        <v>342</v>
      </c>
      <c r="L150" s="6"/>
      <c r="M150" s="6"/>
      <c r="N150" s="6" t="s">
        <v>360</v>
      </c>
      <c r="O150" s="6" t="s">
        <v>273</v>
      </c>
      <c r="P150" s="13">
        <v>300</v>
      </c>
      <c r="Q150" s="6">
        <v>550</v>
      </c>
      <c r="R150" s="6" t="s">
        <v>35</v>
      </c>
      <c r="S150" s="6"/>
      <c r="T150" s="6" t="s">
        <v>71</v>
      </c>
      <c r="U150" s="6"/>
      <c r="V150" s="3" t="s">
        <v>36</v>
      </c>
      <c r="W150" s="6" t="s">
        <v>482</v>
      </c>
    </row>
    <row r="151" spans="1:23" s="11" customFormat="1" ht="15.5">
      <c r="A151" s="70">
        <v>335330002</v>
      </c>
      <c r="B151" s="67"/>
      <c r="C151" s="63" t="s">
        <v>485</v>
      </c>
      <c r="D151" s="65" t="s">
        <v>124</v>
      </c>
      <c r="E151" s="67" t="s">
        <v>266</v>
      </c>
      <c r="F151" s="48" t="s">
        <v>486</v>
      </c>
      <c r="G151" s="12" t="s">
        <v>481</v>
      </c>
      <c r="H151" s="6"/>
      <c r="I151" s="6"/>
      <c r="J151" s="6" t="s">
        <v>348</v>
      </c>
      <c r="K151" s="13" t="s">
        <v>342</v>
      </c>
      <c r="L151" s="6"/>
      <c r="M151" s="6"/>
      <c r="N151" s="6" t="s">
        <v>360</v>
      </c>
      <c r="O151" s="6" t="s">
        <v>273</v>
      </c>
      <c r="P151" s="13">
        <v>320</v>
      </c>
      <c r="Q151" s="6">
        <v>490</v>
      </c>
      <c r="R151" s="6" t="s">
        <v>35</v>
      </c>
      <c r="S151" s="6"/>
      <c r="T151" s="6" t="s">
        <v>71</v>
      </c>
      <c r="U151" s="6"/>
      <c r="V151" s="3" t="s">
        <v>36</v>
      </c>
      <c r="W151" s="6" t="s">
        <v>487</v>
      </c>
    </row>
    <row r="152" spans="1:23" s="11" customFormat="1" ht="15.5">
      <c r="A152" s="70">
        <v>335330001</v>
      </c>
      <c r="B152" s="67"/>
      <c r="C152" s="63" t="s">
        <v>488</v>
      </c>
      <c r="D152" s="65" t="s">
        <v>124</v>
      </c>
      <c r="E152" s="67" t="s">
        <v>266</v>
      </c>
      <c r="F152" s="48" t="s">
        <v>486</v>
      </c>
      <c r="G152" s="12" t="s">
        <v>489</v>
      </c>
      <c r="H152" s="6"/>
      <c r="I152" s="6"/>
      <c r="J152" s="6" t="s">
        <v>348</v>
      </c>
      <c r="K152" s="13" t="s">
        <v>342</v>
      </c>
      <c r="L152" s="6"/>
      <c r="M152" s="6"/>
      <c r="N152" s="6" t="s">
        <v>360</v>
      </c>
      <c r="O152" s="6" t="s">
        <v>273</v>
      </c>
      <c r="P152" s="13">
        <v>300</v>
      </c>
      <c r="Q152" s="6">
        <v>450</v>
      </c>
      <c r="R152" s="6" t="s">
        <v>35</v>
      </c>
      <c r="S152" s="6"/>
      <c r="T152" s="6" t="s">
        <v>71</v>
      </c>
      <c r="U152" s="6"/>
      <c r="V152" s="3" t="s">
        <v>36</v>
      </c>
      <c r="W152" s="6" t="s">
        <v>487</v>
      </c>
    </row>
    <row r="153" spans="1:23" s="11" customFormat="1" ht="15.5">
      <c r="A153" s="70">
        <v>335310018</v>
      </c>
      <c r="B153" s="67"/>
      <c r="C153" s="63" t="s">
        <v>490</v>
      </c>
      <c r="D153" s="65" t="s">
        <v>125</v>
      </c>
      <c r="E153" s="67" t="s">
        <v>491</v>
      </c>
      <c r="F153" s="48" t="s">
        <v>492</v>
      </c>
      <c r="G153" s="12" t="s">
        <v>493</v>
      </c>
      <c r="H153" s="6"/>
      <c r="I153" s="6"/>
      <c r="J153" s="6" t="s">
        <v>45</v>
      </c>
      <c r="K153" s="13" t="s">
        <v>46</v>
      </c>
      <c r="L153" s="6" t="s">
        <v>47</v>
      </c>
      <c r="M153" s="6"/>
      <c r="N153" s="6" t="s">
        <v>48</v>
      </c>
      <c r="O153" s="6" t="s">
        <v>49</v>
      </c>
      <c r="P153" s="13">
        <v>90</v>
      </c>
      <c r="Q153" s="6">
        <v>139</v>
      </c>
      <c r="R153" s="6" t="s">
        <v>35</v>
      </c>
      <c r="S153" s="6"/>
      <c r="T153" s="6" t="s">
        <v>50</v>
      </c>
      <c r="U153" s="6"/>
      <c r="V153" s="3" t="s">
        <v>36</v>
      </c>
      <c r="W153" s="6" t="s">
        <v>51</v>
      </c>
    </row>
    <row r="154" spans="1:23" s="11" customFormat="1" ht="15.5">
      <c r="A154" s="70">
        <v>614110003</v>
      </c>
      <c r="B154" s="67"/>
      <c r="C154" s="63" t="s">
        <v>494</v>
      </c>
      <c r="D154" s="65" t="s">
        <v>125</v>
      </c>
      <c r="E154" s="67" t="s">
        <v>495</v>
      </c>
      <c r="F154" s="48" t="s">
        <v>496</v>
      </c>
      <c r="G154" s="12" t="s">
        <v>497</v>
      </c>
      <c r="H154" s="6"/>
      <c r="I154" s="6"/>
      <c r="J154" s="6" t="s">
        <v>45</v>
      </c>
      <c r="K154" s="13" t="s">
        <v>46</v>
      </c>
      <c r="L154" s="6" t="s">
        <v>47</v>
      </c>
      <c r="M154" s="6"/>
      <c r="N154" s="6" t="s">
        <v>360</v>
      </c>
      <c r="O154" s="6" t="s">
        <v>498</v>
      </c>
      <c r="P154" s="13">
        <v>27</v>
      </c>
      <c r="Q154" s="6">
        <v>45</v>
      </c>
      <c r="R154" s="6" t="s">
        <v>35</v>
      </c>
      <c r="S154" s="6"/>
      <c r="T154" s="6" t="s">
        <v>71</v>
      </c>
      <c r="U154" s="6"/>
      <c r="V154" s="3" t="s">
        <v>36</v>
      </c>
      <c r="W154" s="6" t="s">
        <v>499</v>
      </c>
    </row>
    <row r="155" spans="1:23" s="11" customFormat="1" ht="15.5">
      <c r="A155" s="70">
        <v>556350005</v>
      </c>
      <c r="B155" s="67"/>
      <c r="C155" s="63" t="s">
        <v>500</v>
      </c>
      <c r="D155" s="65" t="s">
        <v>697</v>
      </c>
      <c r="E155" s="67" t="s">
        <v>53</v>
      </c>
      <c r="F155" s="48" t="s">
        <v>501</v>
      </c>
      <c r="G155" s="12" t="s">
        <v>502</v>
      </c>
      <c r="H155" s="6"/>
      <c r="I155" s="6"/>
      <c r="J155" s="6" t="s">
        <v>45</v>
      </c>
      <c r="K155" s="13" t="s">
        <v>46</v>
      </c>
      <c r="L155" s="6" t="s">
        <v>47</v>
      </c>
      <c r="M155" s="6"/>
      <c r="N155" s="6" t="s">
        <v>360</v>
      </c>
      <c r="O155" s="6" t="s">
        <v>498</v>
      </c>
      <c r="P155" s="13">
        <v>40</v>
      </c>
      <c r="Q155" s="6">
        <v>50</v>
      </c>
      <c r="R155" s="6" t="s">
        <v>35</v>
      </c>
      <c r="S155" s="27" t="s">
        <v>72</v>
      </c>
      <c r="T155" s="6"/>
      <c r="U155" s="6"/>
      <c r="V155" s="3" t="s">
        <v>36</v>
      </c>
      <c r="W155" s="6" t="s">
        <v>503</v>
      </c>
    </row>
    <row r="156" spans="1:23" s="11" customFormat="1" ht="15.5">
      <c r="A156" s="70">
        <v>771320004</v>
      </c>
      <c r="B156" s="67"/>
      <c r="C156" s="63" t="s">
        <v>504</v>
      </c>
      <c r="D156" s="65" t="s">
        <v>234</v>
      </c>
      <c r="E156" s="67" t="s">
        <v>143</v>
      </c>
      <c r="F156" s="48" t="s">
        <v>505</v>
      </c>
      <c r="G156" s="12" t="s">
        <v>134</v>
      </c>
      <c r="H156" s="6"/>
      <c r="I156" s="6"/>
      <c r="J156" s="6" t="s">
        <v>99</v>
      </c>
      <c r="K156" s="13" t="s">
        <v>46</v>
      </c>
      <c r="L156" s="6" t="s">
        <v>47</v>
      </c>
      <c r="M156" s="6"/>
      <c r="N156" s="6"/>
      <c r="O156" s="6" t="s">
        <v>273</v>
      </c>
      <c r="P156" s="13">
        <v>90</v>
      </c>
      <c r="Q156" s="6">
        <v>120</v>
      </c>
      <c r="R156" s="6" t="s">
        <v>35</v>
      </c>
      <c r="S156" s="6"/>
      <c r="T156" s="6" t="s">
        <v>71</v>
      </c>
      <c r="U156" s="6"/>
      <c r="V156" s="3" t="s">
        <v>36</v>
      </c>
      <c r="W156" s="6" t="s">
        <v>506</v>
      </c>
    </row>
    <row r="157" spans="1:23" s="11" customFormat="1" ht="31">
      <c r="A157" s="70">
        <v>771320003</v>
      </c>
      <c r="B157" s="67"/>
      <c r="C157" s="63" t="s">
        <v>507</v>
      </c>
      <c r="D157" s="65" t="s">
        <v>234</v>
      </c>
      <c r="E157" s="67" t="s">
        <v>143</v>
      </c>
      <c r="F157" s="48" t="s">
        <v>508</v>
      </c>
      <c r="G157" s="12" t="s">
        <v>134</v>
      </c>
      <c r="H157" s="6"/>
      <c r="I157" s="6"/>
      <c r="J157" s="6" t="s">
        <v>99</v>
      </c>
      <c r="K157" s="13" t="s">
        <v>46</v>
      </c>
      <c r="L157" s="6" t="s">
        <v>47</v>
      </c>
      <c r="M157" s="6"/>
      <c r="N157" s="6"/>
      <c r="O157" s="6" t="s">
        <v>273</v>
      </c>
      <c r="P157" s="13">
        <v>90</v>
      </c>
      <c r="Q157" s="6">
        <v>120</v>
      </c>
      <c r="R157" s="6" t="s">
        <v>35</v>
      </c>
      <c r="S157" s="6"/>
      <c r="T157" s="6" t="s">
        <v>71</v>
      </c>
      <c r="U157" s="6"/>
      <c r="V157" s="3" t="s">
        <v>36</v>
      </c>
      <c r="W157" s="6" t="s">
        <v>506</v>
      </c>
    </row>
    <row r="158" spans="1:23" s="11" customFormat="1" ht="15.5">
      <c r="A158" s="70">
        <v>771320007</v>
      </c>
      <c r="B158" s="67"/>
      <c r="C158" s="63" t="s">
        <v>509</v>
      </c>
      <c r="D158" s="65" t="s">
        <v>234</v>
      </c>
      <c r="E158" s="67" t="s">
        <v>143</v>
      </c>
      <c r="F158" s="48" t="s">
        <v>510</v>
      </c>
      <c r="G158" s="12" t="s">
        <v>134</v>
      </c>
      <c r="H158" s="6"/>
      <c r="I158" s="6"/>
      <c r="J158" s="6" t="s">
        <v>99</v>
      </c>
      <c r="K158" s="13" t="s">
        <v>46</v>
      </c>
      <c r="L158" s="6" t="s">
        <v>47</v>
      </c>
      <c r="M158" s="6"/>
      <c r="N158" s="6"/>
      <c r="O158" s="6" t="s">
        <v>273</v>
      </c>
      <c r="P158" s="13">
        <v>90</v>
      </c>
      <c r="Q158" s="6">
        <v>120</v>
      </c>
      <c r="R158" s="6" t="s">
        <v>35</v>
      </c>
      <c r="S158" s="6"/>
      <c r="T158" s="6" t="s">
        <v>71</v>
      </c>
      <c r="U158" s="6"/>
      <c r="V158" s="3" t="s">
        <v>36</v>
      </c>
      <c r="W158" s="6" t="s">
        <v>506</v>
      </c>
    </row>
    <row r="159" spans="1:23" s="11" customFormat="1" ht="15.5">
      <c r="A159" s="70">
        <v>771320005</v>
      </c>
      <c r="B159" s="67"/>
      <c r="C159" s="63" t="s">
        <v>511</v>
      </c>
      <c r="D159" s="65" t="s">
        <v>234</v>
      </c>
      <c r="E159" s="67" t="s">
        <v>143</v>
      </c>
      <c r="F159" s="48" t="s">
        <v>512</v>
      </c>
      <c r="G159" s="12" t="s">
        <v>134</v>
      </c>
      <c r="H159" s="6"/>
      <c r="I159" s="6"/>
      <c r="J159" s="6" t="s">
        <v>99</v>
      </c>
      <c r="K159" s="13" t="s">
        <v>46</v>
      </c>
      <c r="L159" s="6" t="s">
        <v>47</v>
      </c>
      <c r="M159" s="6"/>
      <c r="N159" s="6"/>
      <c r="O159" s="6" t="s">
        <v>273</v>
      </c>
      <c r="P159" s="13">
        <v>90</v>
      </c>
      <c r="Q159" s="6">
        <v>120</v>
      </c>
      <c r="R159" s="6" t="s">
        <v>35</v>
      </c>
      <c r="S159" s="6"/>
      <c r="T159" s="6" t="s">
        <v>71</v>
      </c>
      <c r="U159" s="6"/>
      <c r="V159" s="3" t="s">
        <v>36</v>
      </c>
      <c r="W159" s="6" t="s">
        <v>506</v>
      </c>
    </row>
    <row r="160" spans="1:23" s="11" customFormat="1" ht="15.5">
      <c r="A160" s="70">
        <v>885340001</v>
      </c>
      <c r="B160" s="67"/>
      <c r="C160" s="63" t="s">
        <v>513</v>
      </c>
      <c r="D160" s="65" t="s">
        <v>126</v>
      </c>
      <c r="E160" s="67" t="s">
        <v>514</v>
      </c>
      <c r="F160" s="48" t="s">
        <v>515</v>
      </c>
      <c r="G160" s="12" t="s">
        <v>516</v>
      </c>
      <c r="H160" s="6"/>
      <c r="I160" s="6"/>
      <c r="J160" s="6" t="s">
        <v>517</v>
      </c>
      <c r="K160" s="13" t="s">
        <v>518</v>
      </c>
      <c r="L160" s="6"/>
      <c r="M160" s="6"/>
      <c r="N160" s="6" t="s">
        <v>360</v>
      </c>
      <c r="O160" s="6" t="s">
        <v>273</v>
      </c>
      <c r="P160" s="13">
        <v>480</v>
      </c>
      <c r="Q160" s="21">
        <v>1000</v>
      </c>
      <c r="R160" s="6" t="s">
        <v>35</v>
      </c>
      <c r="S160" s="6"/>
      <c r="T160" s="6" t="s">
        <v>71</v>
      </c>
      <c r="U160" s="6"/>
      <c r="V160" s="3" t="s">
        <v>36</v>
      </c>
      <c r="W160" s="6" t="s">
        <v>519</v>
      </c>
    </row>
    <row r="161" spans="1:23" s="11" customFormat="1" ht="15.5">
      <c r="A161" s="70">
        <v>880130018</v>
      </c>
      <c r="B161" s="67" t="s">
        <v>520</v>
      </c>
      <c r="C161" s="63" t="s">
        <v>521</v>
      </c>
      <c r="D161" s="65" t="s">
        <v>124</v>
      </c>
      <c r="E161" s="67" t="s">
        <v>27</v>
      </c>
      <c r="F161" s="48" t="s">
        <v>522</v>
      </c>
      <c r="G161" s="12" t="s">
        <v>523</v>
      </c>
      <c r="H161" s="6"/>
      <c r="I161" s="6"/>
      <c r="J161" s="6" t="s">
        <v>517</v>
      </c>
      <c r="K161" s="13" t="s">
        <v>524</v>
      </c>
      <c r="L161" s="6"/>
      <c r="M161" s="6"/>
      <c r="N161" s="6" t="s">
        <v>360</v>
      </c>
      <c r="O161" s="6" t="s">
        <v>273</v>
      </c>
      <c r="P161" s="13">
        <v>650</v>
      </c>
      <c r="Q161" s="6">
        <v>980</v>
      </c>
      <c r="R161" s="6" t="s">
        <v>83</v>
      </c>
      <c r="S161" s="6"/>
      <c r="T161" s="6" t="s">
        <v>71</v>
      </c>
      <c r="U161" s="6"/>
      <c r="V161" s="3" t="s">
        <v>36</v>
      </c>
      <c r="W161" s="6" t="s">
        <v>525</v>
      </c>
    </row>
    <row r="162" spans="1:23" s="11" customFormat="1" ht="15.5">
      <c r="A162" s="70">
        <v>880330032</v>
      </c>
      <c r="B162" s="67" t="s">
        <v>520</v>
      </c>
      <c r="C162" s="63" t="s">
        <v>526</v>
      </c>
      <c r="D162" s="65" t="s">
        <v>124</v>
      </c>
      <c r="E162" s="67" t="s">
        <v>27</v>
      </c>
      <c r="F162" s="48" t="s">
        <v>527</v>
      </c>
      <c r="G162" s="12" t="s">
        <v>528</v>
      </c>
      <c r="H162" s="6"/>
      <c r="I162" s="6"/>
      <c r="J162" s="6" t="s">
        <v>517</v>
      </c>
      <c r="K162" s="13" t="s">
        <v>524</v>
      </c>
      <c r="L162" s="6"/>
      <c r="M162" s="6"/>
      <c r="N162" s="6" t="s">
        <v>360</v>
      </c>
      <c r="O162" s="6" t="s">
        <v>273</v>
      </c>
      <c r="P162" s="13">
        <v>450</v>
      </c>
      <c r="Q162" s="6">
        <v>650</v>
      </c>
      <c r="R162" s="6" t="s">
        <v>83</v>
      </c>
      <c r="S162" s="6"/>
      <c r="T162" s="6" t="s">
        <v>71</v>
      </c>
      <c r="U162" s="6"/>
      <c r="V162" s="3" t="s">
        <v>36</v>
      </c>
      <c r="W162" s="6" t="s">
        <v>525</v>
      </c>
    </row>
    <row r="163" spans="1:23" s="11" customFormat="1" ht="15.5">
      <c r="A163" s="70">
        <v>222330002</v>
      </c>
      <c r="B163" s="67"/>
      <c r="C163" s="63" t="s">
        <v>529</v>
      </c>
      <c r="D163" s="65" t="s">
        <v>124</v>
      </c>
      <c r="E163" s="67" t="s">
        <v>27</v>
      </c>
      <c r="F163" s="48" t="s">
        <v>530</v>
      </c>
      <c r="G163" s="12" t="s">
        <v>531</v>
      </c>
      <c r="H163" s="6"/>
      <c r="I163" s="6"/>
      <c r="J163" s="6" t="s">
        <v>517</v>
      </c>
      <c r="K163" s="13" t="s">
        <v>532</v>
      </c>
      <c r="L163" s="6"/>
      <c r="M163" s="6"/>
      <c r="N163" s="6" t="s">
        <v>360</v>
      </c>
      <c r="O163" s="6" t="s">
        <v>273</v>
      </c>
      <c r="P163" s="13">
        <v>570</v>
      </c>
      <c r="Q163" s="6">
        <v>650</v>
      </c>
      <c r="R163" s="6" t="s">
        <v>35</v>
      </c>
      <c r="S163" s="6"/>
      <c r="T163" s="6" t="s">
        <v>30</v>
      </c>
      <c r="U163" s="6"/>
      <c r="V163" s="3" t="s">
        <v>36</v>
      </c>
      <c r="W163" s="6" t="s">
        <v>533</v>
      </c>
    </row>
    <row r="164" spans="1:23" s="11" customFormat="1" ht="15.5">
      <c r="A164" s="70">
        <v>222330003</v>
      </c>
      <c r="B164" s="67"/>
      <c r="C164" s="63" t="s">
        <v>534</v>
      </c>
      <c r="D164" s="65" t="s">
        <v>124</v>
      </c>
      <c r="E164" s="67" t="s">
        <v>81</v>
      </c>
      <c r="F164" s="48" t="s">
        <v>535</v>
      </c>
      <c r="G164" s="12" t="s">
        <v>536</v>
      </c>
      <c r="H164" s="6"/>
      <c r="I164" s="6"/>
      <c r="J164" s="6" t="s">
        <v>517</v>
      </c>
      <c r="K164" s="6" t="s">
        <v>537</v>
      </c>
      <c r="L164" s="6"/>
      <c r="M164" s="6"/>
      <c r="N164" s="6" t="s">
        <v>360</v>
      </c>
      <c r="O164" s="6" t="s">
        <v>273</v>
      </c>
      <c r="P164" s="13">
        <v>670</v>
      </c>
      <c r="Q164" s="6">
        <v>890</v>
      </c>
      <c r="R164" s="6" t="s">
        <v>35</v>
      </c>
      <c r="S164" s="6"/>
      <c r="T164" s="6" t="s">
        <v>30</v>
      </c>
      <c r="U164" s="6"/>
      <c r="V164" s="3" t="s">
        <v>36</v>
      </c>
      <c r="W164" s="6" t="s">
        <v>533</v>
      </c>
    </row>
    <row r="165" spans="1:23" s="11" customFormat="1" ht="15.5">
      <c r="A165" s="70">
        <v>222340005</v>
      </c>
      <c r="B165" s="67"/>
      <c r="C165" s="63" t="s">
        <v>538</v>
      </c>
      <c r="D165" s="65" t="s">
        <v>126</v>
      </c>
      <c r="E165" s="67" t="s">
        <v>81</v>
      </c>
      <c r="F165" s="48" t="s">
        <v>539</v>
      </c>
      <c r="G165" s="12" t="s">
        <v>540</v>
      </c>
      <c r="H165" s="6"/>
      <c r="I165" s="6"/>
      <c r="J165" s="6" t="s">
        <v>517</v>
      </c>
      <c r="K165" s="6" t="s">
        <v>446</v>
      </c>
      <c r="L165" s="6"/>
      <c r="M165" s="6"/>
      <c r="N165" s="6" t="s">
        <v>360</v>
      </c>
      <c r="O165" s="6" t="s">
        <v>273</v>
      </c>
      <c r="P165" s="13">
        <v>220</v>
      </c>
      <c r="Q165" s="6">
        <v>280</v>
      </c>
      <c r="R165" s="6" t="s">
        <v>35</v>
      </c>
      <c r="S165" s="6"/>
      <c r="T165" s="6" t="s">
        <v>30</v>
      </c>
      <c r="U165" s="6"/>
      <c r="V165" s="3" t="s">
        <v>36</v>
      </c>
      <c r="W165" s="6" t="s">
        <v>533</v>
      </c>
    </row>
    <row r="166" spans="1:23" s="11" customFormat="1" ht="15.5">
      <c r="A166" s="70">
        <v>222340006</v>
      </c>
      <c r="B166" s="67"/>
      <c r="C166" s="63" t="s">
        <v>541</v>
      </c>
      <c r="D166" s="65" t="s">
        <v>126</v>
      </c>
      <c r="E166" s="67" t="s">
        <v>81</v>
      </c>
      <c r="F166" s="48" t="s">
        <v>542</v>
      </c>
      <c r="G166" s="12" t="s">
        <v>543</v>
      </c>
      <c r="H166" s="6"/>
      <c r="I166" s="6"/>
      <c r="J166" s="6" t="s">
        <v>517</v>
      </c>
      <c r="K166" s="6" t="s">
        <v>446</v>
      </c>
      <c r="L166" s="6"/>
      <c r="M166" s="6"/>
      <c r="N166" s="6" t="s">
        <v>360</v>
      </c>
      <c r="O166" s="6" t="s">
        <v>273</v>
      </c>
      <c r="P166" s="13">
        <v>140</v>
      </c>
      <c r="Q166" s="6">
        <v>280</v>
      </c>
      <c r="R166" s="6" t="s">
        <v>35</v>
      </c>
      <c r="S166" s="6"/>
      <c r="T166" s="6" t="s">
        <v>30</v>
      </c>
      <c r="U166" s="6"/>
      <c r="V166" s="3" t="s">
        <v>36</v>
      </c>
      <c r="W166" s="6" t="s">
        <v>533</v>
      </c>
    </row>
    <row r="167" spans="1:23" s="11" customFormat="1" ht="15.5">
      <c r="A167" s="70">
        <v>222330009</v>
      </c>
      <c r="B167" s="67"/>
      <c r="C167" s="63" t="s">
        <v>544</v>
      </c>
      <c r="D167" s="65" t="s">
        <v>124</v>
      </c>
      <c r="E167" s="67" t="s">
        <v>27</v>
      </c>
      <c r="F167" s="48" t="s">
        <v>545</v>
      </c>
      <c r="G167" s="12" t="s">
        <v>546</v>
      </c>
      <c r="H167" s="6"/>
      <c r="I167" s="6"/>
      <c r="J167" s="6" t="s">
        <v>517</v>
      </c>
      <c r="K167" s="13" t="s">
        <v>547</v>
      </c>
      <c r="L167" s="6"/>
      <c r="M167" s="6"/>
      <c r="N167" s="6" t="s">
        <v>360</v>
      </c>
      <c r="O167" s="6" t="s">
        <v>273</v>
      </c>
      <c r="P167" s="13">
        <v>420</v>
      </c>
      <c r="Q167" s="6">
        <v>650</v>
      </c>
      <c r="R167" s="6" t="s">
        <v>35</v>
      </c>
      <c r="S167" s="6"/>
      <c r="T167" s="6" t="s">
        <v>30</v>
      </c>
      <c r="U167" s="6"/>
      <c r="V167" s="3" t="s">
        <v>36</v>
      </c>
      <c r="W167" s="6" t="s">
        <v>533</v>
      </c>
    </row>
    <row r="168" spans="1:23" s="11" customFormat="1" ht="15.5">
      <c r="A168" s="70">
        <v>222330007</v>
      </c>
      <c r="B168" s="67"/>
      <c r="C168" s="63" t="s">
        <v>548</v>
      </c>
      <c r="D168" s="65" t="s">
        <v>124</v>
      </c>
      <c r="E168" s="67" t="s">
        <v>81</v>
      </c>
      <c r="F168" s="48" t="s">
        <v>549</v>
      </c>
      <c r="G168" s="12" t="s">
        <v>550</v>
      </c>
      <c r="H168" s="6"/>
      <c r="I168" s="6"/>
      <c r="J168" s="6" t="s">
        <v>517</v>
      </c>
      <c r="K168" s="6" t="s">
        <v>446</v>
      </c>
      <c r="L168" s="6"/>
      <c r="M168" s="6"/>
      <c r="N168" s="6" t="s">
        <v>360</v>
      </c>
      <c r="O168" s="6" t="s">
        <v>273</v>
      </c>
      <c r="P168" s="13">
        <v>550</v>
      </c>
      <c r="Q168" s="6">
        <v>790</v>
      </c>
      <c r="R168" s="6" t="s">
        <v>35</v>
      </c>
      <c r="S168" s="6"/>
      <c r="T168" s="6" t="s">
        <v>30</v>
      </c>
      <c r="U168" s="6"/>
      <c r="V168" s="3" t="s">
        <v>36</v>
      </c>
      <c r="W168" s="6" t="s">
        <v>533</v>
      </c>
    </row>
    <row r="169" spans="1:23" s="11" customFormat="1" ht="15.5">
      <c r="A169" s="70">
        <v>222330008</v>
      </c>
      <c r="B169" s="67"/>
      <c r="C169" s="63" t="s">
        <v>551</v>
      </c>
      <c r="D169" s="65" t="s">
        <v>124</v>
      </c>
      <c r="E169" s="67" t="s">
        <v>27</v>
      </c>
      <c r="F169" s="48" t="s">
        <v>552</v>
      </c>
      <c r="G169" s="12" t="s">
        <v>553</v>
      </c>
      <c r="H169" s="6"/>
      <c r="I169" s="6"/>
      <c r="J169" s="6" t="s">
        <v>517</v>
      </c>
      <c r="K169" s="13" t="s">
        <v>554</v>
      </c>
      <c r="L169" s="6"/>
      <c r="M169" s="6"/>
      <c r="N169" s="6" t="s">
        <v>360</v>
      </c>
      <c r="O169" s="6" t="s">
        <v>273</v>
      </c>
      <c r="P169" s="13">
        <v>420</v>
      </c>
      <c r="Q169" s="6">
        <v>650</v>
      </c>
      <c r="R169" s="6" t="s">
        <v>35</v>
      </c>
      <c r="S169" s="6"/>
      <c r="T169" s="6" t="s">
        <v>30</v>
      </c>
      <c r="U169" s="6"/>
      <c r="V169" s="3" t="s">
        <v>36</v>
      </c>
      <c r="W169" s="6" t="s">
        <v>533</v>
      </c>
    </row>
    <row r="170" spans="1:23" s="11" customFormat="1" ht="15.5">
      <c r="A170" s="70">
        <v>222330010</v>
      </c>
      <c r="B170" s="67"/>
      <c r="C170" s="63" t="s">
        <v>555</v>
      </c>
      <c r="D170" s="65" t="s">
        <v>124</v>
      </c>
      <c r="E170" s="67" t="s">
        <v>27</v>
      </c>
      <c r="F170" s="48" t="s">
        <v>556</v>
      </c>
      <c r="G170" s="12" t="s">
        <v>557</v>
      </c>
      <c r="H170" s="6"/>
      <c r="I170" s="6"/>
      <c r="J170" s="6" t="s">
        <v>517</v>
      </c>
      <c r="K170" s="13" t="s">
        <v>547</v>
      </c>
      <c r="L170" s="6"/>
      <c r="M170" s="6"/>
      <c r="N170" s="6" t="s">
        <v>360</v>
      </c>
      <c r="O170" s="6" t="s">
        <v>273</v>
      </c>
      <c r="P170" s="13">
        <v>550</v>
      </c>
      <c r="Q170" s="6">
        <v>790</v>
      </c>
      <c r="R170" s="6" t="s">
        <v>35</v>
      </c>
      <c r="S170" s="6"/>
      <c r="T170" s="6" t="s">
        <v>30</v>
      </c>
      <c r="U170" s="6"/>
      <c r="V170" s="3" t="s">
        <v>36</v>
      </c>
      <c r="W170" s="6" t="s">
        <v>533</v>
      </c>
    </row>
    <row r="171" spans="1:23" s="11" customFormat="1" ht="15.5">
      <c r="A171" s="70">
        <v>222340011</v>
      </c>
      <c r="B171" s="67"/>
      <c r="C171" s="63" t="s">
        <v>558</v>
      </c>
      <c r="D171" s="65" t="s">
        <v>126</v>
      </c>
      <c r="E171" s="67" t="s">
        <v>81</v>
      </c>
      <c r="F171" s="48" t="s">
        <v>559</v>
      </c>
      <c r="G171" s="12" t="s">
        <v>560</v>
      </c>
      <c r="H171" s="6"/>
      <c r="I171" s="6"/>
      <c r="J171" s="6" t="s">
        <v>517</v>
      </c>
      <c r="K171" s="13" t="s">
        <v>518</v>
      </c>
      <c r="L171" s="6"/>
      <c r="M171" s="6"/>
      <c r="N171" s="6" t="s">
        <v>360</v>
      </c>
      <c r="O171" s="6" t="s">
        <v>273</v>
      </c>
      <c r="P171" s="13">
        <v>650</v>
      </c>
      <c r="Q171" s="6">
        <v>890</v>
      </c>
      <c r="R171" s="6" t="s">
        <v>35</v>
      </c>
      <c r="S171" s="6"/>
      <c r="T171" s="6" t="s">
        <v>30</v>
      </c>
      <c r="U171" s="6"/>
      <c r="V171" s="3" t="s">
        <v>36</v>
      </c>
      <c r="W171" s="6" t="s">
        <v>533</v>
      </c>
    </row>
    <row r="172" spans="1:23" s="11" customFormat="1" ht="15.5">
      <c r="A172" s="70">
        <v>222340012</v>
      </c>
      <c r="B172" s="67"/>
      <c r="C172" s="63" t="s">
        <v>561</v>
      </c>
      <c r="D172" s="65" t="s">
        <v>126</v>
      </c>
      <c r="E172" s="67" t="s">
        <v>27</v>
      </c>
      <c r="F172" s="48" t="s">
        <v>562</v>
      </c>
      <c r="G172" s="12" t="s">
        <v>563</v>
      </c>
      <c r="H172" s="6"/>
      <c r="I172" s="6"/>
      <c r="J172" s="6" t="s">
        <v>517</v>
      </c>
      <c r="K172" s="13" t="s">
        <v>518</v>
      </c>
      <c r="L172" s="6"/>
      <c r="M172" s="6"/>
      <c r="N172" s="6" t="s">
        <v>360</v>
      </c>
      <c r="O172" s="6" t="s">
        <v>273</v>
      </c>
      <c r="P172" s="37">
        <v>1350</v>
      </c>
      <c r="Q172" s="21">
        <v>1690</v>
      </c>
      <c r="R172" s="6" t="s">
        <v>35</v>
      </c>
      <c r="S172" s="6"/>
      <c r="T172" s="6" t="s">
        <v>30</v>
      </c>
      <c r="U172" s="6"/>
      <c r="V172" s="3" t="s">
        <v>36</v>
      </c>
      <c r="W172" s="6" t="s">
        <v>533</v>
      </c>
    </row>
    <row r="173" spans="1:23" s="11" customFormat="1" ht="15.5">
      <c r="A173" s="70">
        <v>222340013</v>
      </c>
      <c r="B173" s="67"/>
      <c r="C173" s="63" t="s">
        <v>564</v>
      </c>
      <c r="D173" s="65" t="s">
        <v>126</v>
      </c>
      <c r="E173" s="67" t="s">
        <v>27</v>
      </c>
      <c r="F173" s="48" t="s">
        <v>562</v>
      </c>
      <c r="G173" s="12" t="s">
        <v>565</v>
      </c>
      <c r="H173" s="6"/>
      <c r="I173" s="6"/>
      <c r="J173" s="6" t="s">
        <v>517</v>
      </c>
      <c r="K173" s="13" t="s">
        <v>518</v>
      </c>
      <c r="L173" s="6"/>
      <c r="M173" s="6"/>
      <c r="N173" s="6" t="s">
        <v>360</v>
      </c>
      <c r="O173" s="6" t="s">
        <v>273</v>
      </c>
      <c r="P173" s="37">
        <v>1650</v>
      </c>
      <c r="Q173" s="21">
        <v>1990</v>
      </c>
      <c r="R173" s="6" t="s">
        <v>35</v>
      </c>
      <c r="S173" s="6"/>
      <c r="T173" s="6" t="s">
        <v>30</v>
      </c>
      <c r="U173" s="6"/>
      <c r="V173" s="3" t="s">
        <v>36</v>
      </c>
      <c r="W173" s="6" t="s">
        <v>533</v>
      </c>
    </row>
    <row r="174" spans="1:23" s="11" customFormat="1" ht="15.5">
      <c r="A174" s="70">
        <v>770330001</v>
      </c>
      <c r="B174" s="67" t="s">
        <v>411</v>
      </c>
      <c r="C174" s="63" t="s">
        <v>566</v>
      </c>
      <c r="D174" s="65" t="s">
        <v>124</v>
      </c>
      <c r="E174" s="67" t="s">
        <v>266</v>
      </c>
      <c r="F174" s="48" t="s">
        <v>567</v>
      </c>
      <c r="G174" s="12" t="s">
        <v>568</v>
      </c>
      <c r="H174" s="6"/>
      <c r="I174" s="6"/>
      <c r="J174" s="6" t="s">
        <v>517</v>
      </c>
      <c r="K174" s="13" t="s">
        <v>342</v>
      </c>
      <c r="L174" s="6"/>
      <c r="M174" s="6"/>
      <c r="N174" s="6" t="s">
        <v>360</v>
      </c>
      <c r="O174" s="6" t="s">
        <v>273</v>
      </c>
      <c r="P174" s="37">
        <v>1150</v>
      </c>
      <c r="Q174" s="21">
        <v>1500</v>
      </c>
      <c r="R174" s="6" t="s">
        <v>35</v>
      </c>
      <c r="S174" s="6"/>
      <c r="T174" s="6" t="s">
        <v>30</v>
      </c>
      <c r="U174" s="6"/>
      <c r="V174" s="3" t="s">
        <v>36</v>
      </c>
      <c r="W174" s="6" t="s">
        <v>1759</v>
      </c>
    </row>
    <row r="175" spans="1:23" s="11" customFormat="1" ht="15.5">
      <c r="A175" s="70">
        <v>770330002</v>
      </c>
      <c r="B175" s="67" t="s">
        <v>411</v>
      </c>
      <c r="C175" s="63" t="s">
        <v>569</v>
      </c>
      <c r="D175" s="65" t="s">
        <v>124</v>
      </c>
      <c r="E175" s="67" t="s">
        <v>27</v>
      </c>
      <c r="F175" s="48" t="s">
        <v>570</v>
      </c>
      <c r="G175" s="12" t="s">
        <v>571</v>
      </c>
      <c r="H175" s="6"/>
      <c r="I175" s="6"/>
      <c r="J175" s="6" t="s">
        <v>517</v>
      </c>
      <c r="K175" s="13" t="s">
        <v>342</v>
      </c>
      <c r="L175" s="6"/>
      <c r="M175" s="6"/>
      <c r="N175" s="6" t="s">
        <v>360</v>
      </c>
      <c r="O175" s="6" t="s">
        <v>273</v>
      </c>
      <c r="P175" s="13">
        <v>420</v>
      </c>
      <c r="Q175" s="6">
        <v>550</v>
      </c>
      <c r="R175" s="6" t="s">
        <v>35</v>
      </c>
      <c r="S175" s="6"/>
      <c r="T175" s="6" t="s">
        <v>30</v>
      </c>
      <c r="U175" s="6"/>
      <c r="V175" s="3" t="s">
        <v>36</v>
      </c>
      <c r="W175" s="6" t="s">
        <v>1759</v>
      </c>
    </row>
    <row r="176" spans="1:23" s="11" customFormat="1" ht="15.5">
      <c r="A176" s="61">
        <v>770330003</v>
      </c>
      <c r="B176" s="67" t="s">
        <v>411</v>
      </c>
      <c r="C176" s="63" t="s">
        <v>572</v>
      </c>
      <c r="D176" s="65" t="s">
        <v>124</v>
      </c>
      <c r="E176" s="67" t="s">
        <v>27</v>
      </c>
      <c r="F176" s="48" t="s">
        <v>573</v>
      </c>
      <c r="G176" s="12" t="s">
        <v>574</v>
      </c>
      <c r="H176" s="6"/>
      <c r="I176" s="6"/>
      <c r="J176" s="6" t="s">
        <v>517</v>
      </c>
      <c r="K176" s="13" t="s">
        <v>342</v>
      </c>
      <c r="L176" s="6"/>
      <c r="M176" s="6"/>
      <c r="N176" s="6" t="s">
        <v>360</v>
      </c>
      <c r="O176" s="6" t="s">
        <v>273</v>
      </c>
      <c r="P176" s="13">
        <v>500</v>
      </c>
      <c r="Q176" s="6">
        <v>850</v>
      </c>
      <c r="R176" s="6" t="s">
        <v>35</v>
      </c>
      <c r="S176" s="6"/>
      <c r="T176" s="6" t="s">
        <v>30</v>
      </c>
      <c r="U176" s="6"/>
      <c r="V176" s="3" t="s">
        <v>36</v>
      </c>
      <c r="W176" s="6" t="s">
        <v>1759</v>
      </c>
    </row>
    <row r="177" spans="1:23" s="11" customFormat="1" ht="15.5">
      <c r="A177" s="61">
        <v>770340004</v>
      </c>
      <c r="B177" s="67" t="s">
        <v>411</v>
      </c>
      <c r="C177" s="63" t="s">
        <v>575</v>
      </c>
      <c r="D177" s="65" t="s">
        <v>126</v>
      </c>
      <c r="E177" s="67" t="s">
        <v>86</v>
      </c>
      <c r="F177" s="48" t="s">
        <v>576</v>
      </c>
      <c r="G177" s="12" t="s">
        <v>577</v>
      </c>
      <c r="H177" s="6"/>
      <c r="I177" s="6"/>
      <c r="J177" s="6" t="s">
        <v>517</v>
      </c>
      <c r="K177" s="13" t="s">
        <v>578</v>
      </c>
      <c r="L177" s="6"/>
      <c r="M177" s="6"/>
      <c r="N177" s="6" t="s">
        <v>360</v>
      </c>
      <c r="O177" s="6" t="s">
        <v>273</v>
      </c>
      <c r="P177" s="13">
        <v>125</v>
      </c>
      <c r="Q177" s="6">
        <v>160</v>
      </c>
      <c r="R177" s="6" t="s">
        <v>35</v>
      </c>
      <c r="S177" s="6"/>
      <c r="T177" s="6" t="s">
        <v>30</v>
      </c>
      <c r="U177" s="6"/>
      <c r="V177" s="3" t="s">
        <v>36</v>
      </c>
      <c r="W177" s="6" t="s">
        <v>1759</v>
      </c>
    </row>
    <row r="178" spans="1:23" s="11" customFormat="1" ht="15.5">
      <c r="A178" s="61">
        <v>770330005</v>
      </c>
      <c r="B178" s="67" t="s">
        <v>411</v>
      </c>
      <c r="C178" s="63" t="s">
        <v>579</v>
      </c>
      <c r="D178" s="65" t="s">
        <v>124</v>
      </c>
      <c r="E178" s="67" t="s">
        <v>27</v>
      </c>
      <c r="F178" s="48" t="s">
        <v>580</v>
      </c>
      <c r="G178" s="12" t="s">
        <v>581</v>
      </c>
      <c r="H178" s="6"/>
      <c r="I178" s="6"/>
      <c r="J178" s="6" t="s">
        <v>517</v>
      </c>
      <c r="K178" s="13" t="s">
        <v>342</v>
      </c>
      <c r="L178" s="6"/>
      <c r="M178" s="6"/>
      <c r="N178" s="6" t="s">
        <v>360</v>
      </c>
      <c r="O178" s="6" t="s">
        <v>273</v>
      </c>
      <c r="P178" s="13">
        <v>380</v>
      </c>
      <c r="Q178" s="6">
        <v>490</v>
      </c>
      <c r="R178" s="6" t="s">
        <v>35</v>
      </c>
      <c r="S178" s="6"/>
      <c r="T178" s="6" t="s">
        <v>30</v>
      </c>
      <c r="U178" s="6"/>
      <c r="V178" s="3" t="s">
        <v>36</v>
      </c>
      <c r="W178" s="6" t="s">
        <v>1759</v>
      </c>
    </row>
    <row r="179" spans="1:23" s="11" customFormat="1" ht="15.5">
      <c r="A179" s="61">
        <v>770330006</v>
      </c>
      <c r="B179" s="67" t="s">
        <v>411</v>
      </c>
      <c r="C179" s="63" t="s">
        <v>582</v>
      </c>
      <c r="D179" s="65" t="s">
        <v>124</v>
      </c>
      <c r="E179" s="67" t="s">
        <v>27</v>
      </c>
      <c r="F179" s="48" t="s">
        <v>583</v>
      </c>
      <c r="G179" s="12" t="s">
        <v>584</v>
      </c>
      <c r="H179" s="6"/>
      <c r="I179" s="6"/>
      <c r="J179" s="6" t="s">
        <v>517</v>
      </c>
      <c r="K179" s="13" t="s">
        <v>342</v>
      </c>
      <c r="L179" s="6"/>
      <c r="M179" s="6"/>
      <c r="N179" s="6" t="s">
        <v>360</v>
      </c>
      <c r="O179" s="6" t="s">
        <v>273</v>
      </c>
      <c r="P179" s="13">
        <v>550</v>
      </c>
      <c r="Q179" s="6">
        <v>850</v>
      </c>
      <c r="R179" s="6" t="s">
        <v>35</v>
      </c>
      <c r="S179" s="6"/>
      <c r="T179" s="6" t="s">
        <v>30</v>
      </c>
      <c r="U179" s="6"/>
      <c r="V179" s="3" t="s">
        <v>36</v>
      </c>
      <c r="W179" s="6" t="s">
        <v>1759</v>
      </c>
    </row>
    <row r="180" spans="1:23" s="11" customFormat="1" ht="15.5">
      <c r="A180" s="61">
        <v>770330007</v>
      </c>
      <c r="B180" s="67" t="s">
        <v>411</v>
      </c>
      <c r="C180" s="63" t="s">
        <v>585</v>
      </c>
      <c r="D180" s="65" t="s">
        <v>124</v>
      </c>
      <c r="E180" s="67" t="s">
        <v>27</v>
      </c>
      <c r="F180" s="48" t="s">
        <v>586</v>
      </c>
      <c r="G180" s="12" t="s">
        <v>587</v>
      </c>
      <c r="H180" s="6"/>
      <c r="I180" s="6"/>
      <c r="J180" s="6" t="s">
        <v>517</v>
      </c>
      <c r="K180" s="13" t="s">
        <v>342</v>
      </c>
      <c r="L180" s="6"/>
      <c r="M180" s="6"/>
      <c r="N180" s="6" t="s">
        <v>360</v>
      </c>
      <c r="O180" s="6" t="s">
        <v>273</v>
      </c>
      <c r="P180" s="13">
        <v>850</v>
      </c>
      <c r="Q180" s="21">
        <v>1200</v>
      </c>
      <c r="R180" s="6" t="s">
        <v>35</v>
      </c>
      <c r="S180" s="6"/>
      <c r="T180" s="6" t="s">
        <v>30</v>
      </c>
      <c r="U180" s="6"/>
      <c r="V180" s="3" t="s">
        <v>36</v>
      </c>
      <c r="W180" s="6" t="s">
        <v>1759</v>
      </c>
    </row>
    <row r="181" spans="1:23" s="11" customFormat="1" ht="15.5">
      <c r="A181" s="61">
        <v>770340011</v>
      </c>
      <c r="B181" s="67" t="s">
        <v>411</v>
      </c>
      <c r="C181" s="63" t="s">
        <v>588</v>
      </c>
      <c r="D181" s="65" t="s">
        <v>126</v>
      </c>
      <c r="E181" s="67" t="s">
        <v>27</v>
      </c>
      <c r="F181" s="48" t="s">
        <v>589</v>
      </c>
      <c r="G181" s="12" t="s">
        <v>590</v>
      </c>
      <c r="H181" s="6"/>
      <c r="I181" s="6"/>
      <c r="J181" s="6" t="s">
        <v>517</v>
      </c>
      <c r="K181" s="13" t="s">
        <v>342</v>
      </c>
      <c r="L181" s="6"/>
      <c r="M181" s="6"/>
      <c r="N181" s="6" t="s">
        <v>360</v>
      </c>
      <c r="O181" s="6" t="s">
        <v>273</v>
      </c>
      <c r="P181" s="37">
        <v>120</v>
      </c>
      <c r="Q181" s="21">
        <v>190</v>
      </c>
      <c r="R181" s="6" t="s">
        <v>35</v>
      </c>
      <c r="S181" s="6"/>
      <c r="T181" s="6" t="s">
        <v>30</v>
      </c>
      <c r="U181" s="6"/>
      <c r="V181" s="3" t="s">
        <v>36</v>
      </c>
      <c r="W181" s="6" t="s">
        <v>1759</v>
      </c>
    </row>
    <row r="182" spans="1:23" s="11" customFormat="1" ht="15.5">
      <c r="A182" s="61">
        <v>770340012</v>
      </c>
      <c r="B182" s="67" t="s">
        <v>411</v>
      </c>
      <c r="C182" s="63" t="s">
        <v>591</v>
      </c>
      <c r="D182" s="65" t="s">
        <v>126</v>
      </c>
      <c r="E182" s="67" t="s">
        <v>27</v>
      </c>
      <c r="F182" s="48" t="s">
        <v>592</v>
      </c>
      <c r="G182" s="12" t="s">
        <v>590</v>
      </c>
      <c r="H182" s="6"/>
      <c r="I182" s="6"/>
      <c r="J182" s="6" t="s">
        <v>517</v>
      </c>
      <c r="K182" s="13" t="s">
        <v>342</v>
      </c>
      <c r="L182" s="6"/>
      <c r="M182" s="6"/>
      <c r="N182" s="6" t="s">
        <v>360</v>
      </c>
      <c r="O182" s="6" t="s">
        <v>273</v>
      </c>
      <c r="P182" s="37">
        <v>150</v>
      </c>
      <c r="Q182" s="21">
        <v>210</v>
      </c>
      <c r="R182" s="6" t="s">
        <v>35</v>
      </c>
      <c r="S182" s="6"/>
      <c r="T182" s="6" t="s">
        <v>30</v>
      </c>
      <c r="U182" s="6"/>
      <c r="V182" s="3" t="s">
        <v>36</v>
      </c>
      <c r="W182" s="6" t="s">
        <v>1759</v>
      </c>
    </row>
    <row r="183" spans="1:23" s="11" customFormat="1" ht="15.5">
      <c r="A183" s="70">
        <v>111330001</v>
      </c>
      <c r="B183" s="67"/>
      <c r="C183" s="63" t="s">
        <v>593</v>
      </c>
      <c r="D183" s="65" t="s">
        <v>124</v>
      </c>
      <c r="E183" s="67" t="s">
        <v>266</v>
      </c>
      <c r="F183" s="48" t="s">
        <v>594</v>
      </c>
      <c r="G183" s="12" t="s">
        <v>595</v>
      </c>
      <c r="H183" s="6"/>
      <c r="I183" s="6"/>
      <c r="J183" s="6" t="s">
        <v>517</v>
      </c>
      <c r="K183" s="13" t="s">
        <v>342</v>
      </c>
      <c r="L183" s="6"/>
      <c r="M183" s="6"/>
      <c r="N183" s="6" t="s">
        <v>360</v>
      </c>
      <c r="O183" s="6" t="s">
        <v>273</v>
      </c>
      <c r="P183" s="13">
        <v>420</v>
      </c>
      <c r="Q183" s="6">
        <v>550</v>
      </c>
      <c r="R183" s="6" t="s">
        <v>35</v>
      </c>
      <c r="S183" s="6"/>
      <c r="T183" s="6" t="s">
        <v>30</v>
      </c>
      <c r="U183" s="6"/>
      <c r="V183" s="3" t="s">
        <v>36</v>
      </c>
      <c r="W183" s="6" t="s">
        <v>596</v>
      </c>
    </row>
    <row r="184" spans="1:23" s="11" customFormat="1" ht="15.5">
      <c r="A184" s="70">
        <v>111330002</v>
      </c>
      <c r="B184" s="67"/>
      <c r="C184" s="63" t="s">
        <v>597</v>
      </c>
      <c r="D184" s="65" t="s">
        <v>124</v>
      </c>
      <c r="E184" s="67" t="s">
        <v>266</v>
      </c>
      <c r="F184" s="48" t="s">
        <v>598</v>
      </c>
      <c r="G184" s="12" t="s">
        <v>599</v>
      </c>
      <c r="H184" s="6"/>
      <c r="I184" s="6"/>
      <c r="J184" s="6" t="s">
        <v>517</v>
      </c>
      <c r="K184" s="13" t="s">
        <v>342</v>
      </c>
      <c r="L184" s="6"/>
      <c r="M184" s="6"/>
      <c r="N184" s="6" t="s">
        <v>360</v>
      </c>
      <c r="O184" s="6" t="s">
        <v>273</v>
      </c>
      <c r="P184" s="13">
        <v>345</v>
      </c>
      <c r="Q184" s="6">
        <v>450</v>
      </c>
      <c r="R184" s="6" t="s">
        <v>35</v>
      </c>
      <c r="S184" s="6"/>
      <c r="T184" s="6" t="s">
        <v>30</v>
      </c>
      <c r="U184" s="6"/>
      <c r="V184" s="3" t="s">
        <v>36</v>
      </c>
      <c r="W184" s="6" t="s">
        <v>596</v>
      </c>
    </row>
    <row r="185" spans="1:23" s="11" customFormat="1" ht="15.5">
      <c r="A185" s="70">
        <v>111330003</v>
      </c>
      <c r="B185" s="67"/>
      <c r="C185" s="63" t="s">
        <v>600</v>
      </c>
      <c r="D185" s="65" t="s">
        <v>124</v>
      </c>
      <c r="E185" s="67" t="s">
        <v>266</v>
      </c>
      <c r="F185" s="48" t="s">
        <v>598</v>
      </c>
      <c r="G185" s="12" t="s">
        <v>601</v>
      </c>
      <c r="H185" s="6"/>
      <c r="I185" s="6"/>
      <c r="J185" s="6" t="s">
        <v>517</v>
      </c>
      <c r="K185" s="13" t="s">
        <v>342</v>
      </c>
      <c r="L185" s="6"/>
      <c r="M185" s="6"/>
      <c r="N185" s="6" t="s">
        <v>360</v>
      </c>
      <c r="O185" s="6" t="s">
        <v>273</v>
      </c>
      <c r="P185" s="13">
        <v>275</v>
      </c>
      <c r="Q185" s="6">
        <v>350</v>
      </c>
      <c r="R185" s="6" t="s">
        <v>35</v>
      </c>
      <c r="S185" s="6"/>
      <c r="T185" s="6" t="s">
        <v>30</v>
      </c>
      <c r="U185" s="6"/>
      <c r="V185" s="3" t="s">
        <v>36</v>
      </c>
      <c r="W185" s="6" t="s">
        <v>596</v>
      </c>
    </row>
    <row r="186" spans="1:23" s="11" customFormat="1" ht="15.5">
      <c r="A186" s="70">
        <v>111330004</v>
      </c>
      <c r="B186" s="67"/>
      <c r="C186" s="63" t="s">
        <v>602</v>
      </c>
      <c r="D186" s="65" t="s">
        <v>124</v>
      </c>
      <c r="E186" s="67" t="s">
        <v>266</v>
      </c>
      <c r="F186" s="48" t="s">
        <v>598</v>
      </c>
      <c r="G186" s="12" t="s">
        <v>603</v>
      </c>
      <c r="H186" s="6"/>
      <c r="I186" s="6"/>
      <c r="J186" s="6" t="s">
        <v>517</v>
      </c>
      <c r="K186" s="13" t="s">
        <v>342</v>
      </c>
      <c r="L186" s="6"/>
      <c r="M186" s="6"/>
      <c r="N186" s="6" t="s">
        <v>360</v>
      </c>
      <c r="O186" s="6" t="s">
        <v>273</v>
      </c>
      <c r="P186" s="13">
        <v>345</v>
      </c>
      <c r="Q186" s="6">
        <v>450</v>
      </c>
      <c r="R186" s="6" t="s">
        <v>35</v>
      </c>
      <c r="S186" s="6"/>
      <c r="T186" s="6" t="s">
        <v>30</v>
      </c>
      <c r="U186" s="6"/>
      <c r="V186" s="3" t="s">
        <v>36</v>
      </c>
      <c r="W186" s="6" t="s">
        <v>596</v>
      </c>
    </row>
    <row r="187" spans="1:23" s="11" customFormat="1" ht="15.5">
      <c r="A187" s="70">
        <v>111330005</v>
      </c>
      <c r="B187" s="67"/>
      <c r="C187" s="63" t="s">
        <v>604</v>
      </c>
      <c r="D187" s="65" t="s">
        <v>124</v>
      </c>
      <c r="E187" s="67" t="s">
        <v>266</v>
      </c>
      <c r="F187" s="48" t="s">
        <v>598</v>
      </c>
      <c r="G187" s="12" t="s">
        <v>605</v>
      </c>
      <c r="H187" s="6"/>
      <c r="I187" s="6"/>
      <c r="J187" s="6" t="s">
        <v>517</v>
      </c>
      <c r="K187" s="13" t="s">
        <v>342</v>
      </c>
      <c r="L187" s="6"/>
      <c r="M187" s="6"/>
      <c r="N187" s="6" t="s">
        <v>360</v>
      </c>
      <c r="O187" s="6" t="s">
        <v>273</v>
      </c>
      <c r="P187" s="13">
        <v>275</v>
      </c>
      <c r="Q187" s="6">
        <v>350</v>
      </c>
      <c r="R187" s="6" t="s">
        <v>35</v>
      </c>
      <c r="S187" s="6"/>
      <c r="T187" s="6" t="s">
        <v>30</v>
      </c>
      <c r="U187" s="6"/>
      <c r="V187" s="3" t="s">
        <v>36</v>
      </c>
      <c r="W187" s="6" t="s">
        <v>596</v>
      </c>
    </row>
    <row r="188" spans="1:23" s="11" customFormat="1" ht="15.5">
      <c r="A188" s="70">
        <v>111330006</v>
      </c>
      <c r="B188" s="67"/>
      <c r="C188" s="63" t="s">
        <v>606</v>
      </c>
      <c r="D188" s="65" t="s">
        <v>124</v>
      </c>
      <c r="E188" s="67" t="s">
        <v>266</v>
      </c>
      <c r="F188" s="48" t="s">
        <v>598</v>
      </c>
      <c r="G188" s="12" t="s">
        <v>607</v>
      </c>
      <c r="H188" s="6"/>
      <c r="I188" s="6"/>
      <c r="J188" s="6" t="s">
        <v>517</v>
      </c>
      <c r="K188" s="13" t="s">
        <v>342</v>
      </c>
      <c r="L188" s="6"/>
      <c r="M188" s="6"/>
      <c r="N188" s="6" t="s">
        <v>360</v>
      </c>
      <c r="O188" s="6" t="s">
        <v>273</v>
      </c>
      <c r="P188" s="13">
        <v>275</v>
      </c>
      <c r="Q188" s="6">
        <v>350</v>
      </c>
      <c r="R188" s="6" t="s">
        <v>35</v>
      </c>
      <c r="S188" s="6"/>
      <c r="T188" s="6" t="s">
        <v>30</v>
      </c>
      <c r="U188" s="6"/>
      <c r="V188" s="3" t="s">
        <v>36</v>
      </c>
      <c r="W188" s="6" t="s">
        <v>596</v>
      </c>
    </row>
    <row r="189" spans="1:23" s="11" customFormat="1" ht="15.5">
      <c r="A189" s="70">
        <v>111330007</v>
      </c>
      <c r="B189" s="67"/>
      <c r="C189" s="63" t="s">
        <v>608</v>
      </c>
      <c r="D189" s="65" t="s">
        <v>124</v>
      </c>
      <c r="E189" s="67" t="s">
        <v>266</v>
      </c>
      <c r="F189" s="48" t="s">
        <v>598</v>
      </c>
      <c r="G189" s="12" t="s">
        <v>609</v>
      </c>
      <c r="H189" s="6"/>
      <c r="I189" s="6"/>
      <c r="J189" s="6" t="s">
        <v>517</v>
      </c>
      <c r="K189" s="13" t="s">
        <v>342</v>
      </c>
      <c r="L189" s="6"/>
      <c r="M189" s="6"/>
      <c r="N189" s="6" t="s">
        <v>360</v>
      </c>
      <c r="O189" s="6" t="s">
        <v>273</v>
      </c>
      <c r="P189" s="13">
        <v>220</v>
      </c>
      <c r="Q189" s="6">
        <v>300</v>
      </c>
      <c r="R189" s="6" t="s">
        <v>35</v>
      </c>
      <c r="S189" s="6"/>
      <c r="T189" s="6" t="s">
        <v>30</v>
      </c>
      <c r="U189" s="6"/>
      <c r="V189" s="3" t="s">
        <v>36</v>
      </c>
      <c r="W189" s="6" t="s">
        <v>596</v>
      </c>
    </row>
    <row r="190" spans="1:23" s="11" customFormat="1" ht="15.5">
      <c r="A190" s="70">
        <v>111330008</v>
      </c>
      <c r="B190" s="67"/>
      <c r="C190" s="63" t="s">
        <v>610</v>
      </c>
      <c r="D190" s="65" t="s">
        <v>124</v>
      </c>
      <c r="E190" s="67" t="s">
        <v>266</v>
      </c>
      <c r="F190" s="48" t="s">
        <v>611</v>
      </c>
      <c r="G190" s="12" t="s">
        <v>612</v>
      </c>
      <c r="H190" s="6"/>
      <c r="I190" s="6"/>
      <c r="J190" s="6" t="s">
        <v>517</v>
      </c>
      <c r="K190" s="13" t="s">
        <v>342</v>
      </c>
      <c r="L190" s="6"/>
      <c r="M190" s="6"/>
      <c r="N190" s="6" t="s">
        <v>360</v>
      </c>
      <c r="O190" s="6" t="s">
        <v>273</v>
      </c>
      <c r="P190" s="13">
        <v>275</v>
      </c>
      <c r="Q190" s="6">
        <v>350</v>
      </c>
      <c r="R190" s="6" t="s">
        <v>35</v>
      </c>
      <c r="S190" s="6"/>
      <c r="T190" s="6" t="s">
        <v>30</v>
      </c>
      <c r="U190" s="6"/>
      <c r="V190" s="3" t="s">
        <v>36</v>
      </c>
      <c r="W190" s="6" t="s">
        <v>596</v>
      </c>
    </row>
    <row r="191" spans="1:23" s="11" customFormat="1" ht="15.5">
      <c r="A191" s="70">
        <v>111330010</v>
      </c>
      <c r="B191" s="67"/>
      <c r="C191" s="63" t="s">
        <v>613</v>
      </c>
      <c r="D191" s="65" t="s">
        <v>124</v>
      </c>
      <c r="E191" s="67" t="s">
        <v>266</v>
      </c>
      <c r="F191" s="48" t="s">
        <v>614</v>
      </c>
      <c r="G191" s="12" t="s">
        <v>615</v>
      </c>
      <c r="H191" s="6"/>
      <c r="I191" s="6"/>
      <c r="J191" s="6" t="s">
        <v>517</v>
      </c>
      <c r="K191" s="13" t="s">
        <v>342</v>
      </c>
      <c r="L191" s="6"/>
      <c r="M191" s="6"/>
      <c r="N191" s="6" t="s">
        <v>360</v>
      </c>
      <c r="O191" s="6" t="s">
        <v>273</v>
      </c>
      <c r="P191" s="13">
        <v>200</v>
      </c>
      <c r="Q191" s="6">
        <v>300</v>
      </c>
      <c r="R191" s="6" t="s">
        <v>35</v>
      </c>
      <c r="S191" s="6"/>
      <c r="T191" s="6" t="s">
        <v>30</v>
      </c>
      <c r="U191" s="6"/>
      <c r="V191" s="3" t="s">
        <v>36</v>
      </c>
      <c r="W191" s="6" t="s">
        <v>596</v>
      </c>
    </row>
    <row r="192" spans="1:23" s="11" customFormat="1" ht="15.5">
      <c r="A192" s="70">
        <v>111330011</v>
      </c>
      <c r="B192" s="67"/>
      <c r="C192" s="63" t="s">
        <v>616</v>
      </c>
      <c r="D192" s="65" t="s">
        <v>124</v>
      </c>
      <c r="E192" s="67" t="s">
        <v>266</v>
      </c>
      <c r="F192" s="48" t="s">
        <v>617</v>
      </c>
      <c r="G192" s="12" t="s">
        <v>618</v>
      </c>
      <c r="H192" s="6"/>
      <c r="I192" s="6"/>
      <c r="J192" s="6" t="s">
        <v>517</v>
      </c>
      <c r="K192" s="13" t="s">
        <v>342</v>
      </c>
      <c r="L192" s="6"/>
      <c r="M192" s="6"/>
      <c r="N192" s="6" t="s">
        <v>360</v>
      </c>
      <c r="O192" s="6" t="s">
        <v>273</v>
      </c>
      <c r="P192" s="13">
        <v>555</v>
      </c>
      <c r="Q192" s="6">
        <v>690</v>
      </c>
      <c r="R192" s="6" t="s">
        <v>35</v>
      </c>
      <c r="S192" s="6"/>
      <c r="T192" s="6" t="s">
        <v>30</v>
      </c>
      <c r="U192" s="6"/>
      <c r="V192" s="3" t="s">
        <v>36</v>
      </c>
      <c r="W192" s="6" t="s">
        <v>596</v>
      </c>
    </row>
    <row r="193" spans="1:23" s="11" customFormat="1" ht="15.5">
      <c r="A193" s="70">
        <v>111330012</v>
      </c>
      <c r="B193" s="67"/>
      <c r="C193" s="63" t="s">
        <v>619</v>
      </c>
      <c r="D193" s="65" t="s">
        <v>124</v>
      </c>
      <c r="E193" s="67" t="s">
        <v>266</v>
      </c>
      <c r="F193" s="48" t="s">
        <v>620</v>
      </c>
      <c r="G193" s="12" t="s">
        <v>621</v>
      </c>
      <c r="H193" s="6"/>
      <c r="I193" s="6"/>
      <c r="J193" s="6" t="s">
        <v>517</v>
      </c>
      <c r="K193" s="13" t="s">
        <v>342</v>
      </c>
      <c r="L193" s="6"/>
      <c r="M193" s="6"/>
      <c r="N193" s="6" t="s">
        <v>360</v>
      </c>
      <c r="O193" s="6" t="s">
        <v>273</v>
      </c>
      <c r="P193" s="13">
        <v>180</v>
      </c>
      <c r="Q193" s="6">
        <v>350</v>
      </c>
      <c r="R193" s="6" t="s">
        <v>35</v>
      </c>
      <c r="S193" s="6"/>
      <c r="T193" s="6" t="s">
        <v>30</v>
      </c>
      <c r="U193" s="6"/>
      <c r="V193" s="3" t="s">
        <v>36</v>
      </c>
      <c r="W193" s="6" t="s">
        <v>596</v>
      </c>
    </row>
    <row r="194" spans="1:23" s="11" customFormat="1" ht="15.5">
      <c r="A194" s="70">
        <v>896240001</v>
      </c>
      <c r="B194" s="67"/>
      <c r="C194" s="63" t="s">
        <v>622</v>
      </c>
      <c r="D194" s="65" t="s">
        <v>126</v>
      </c>
      <c r="E194" s="67" t="s">
        <v>27</v>
      </c>
      <c r="F194" s="48" t="s">
        <v>623</v>
      </c>
      <c r="G194" s="12" t="s">
        <v>624</v>
      </c>
      <c r="H194" s="6"/>
      <c r="I194" s="6"/>
      <c r="J194" s="6" t="s">
        <v>517</v>
      </c>
      <c r="K194" s="13" t="s">
        <v>342</v>
      </c>
      <c r="L194" s="6"/>
      <c r="M194" s="6"/>
      <c r="N194" s="6" t="s">
        <v>360</v>
      </c>
      <c r="O194" s="6" t="s">
        <v>273</v>
      </c>
      <c r="P194" s="13">
        <v>200</v>
      </c>
      <c r="Q194" s="6">
        <v>150</v>
      </c>
      <c r="R194" s="6" t="s">
        <v>35</v>
      </c>
      <c r="S194" s="6"/>
      <c r="T194" s="6" t="s">
        <v>30</v>
      </c>
      <c r="U194" s="6"/>
      <c r="V194" s="3" t="s">
        <v>36</v>
      </c>
      <c r="W194" s="6" t="s">
        <v>699</v>
      </c>
    </row>
    <row r="195" spans="1:23" s="11" customFormat="1" ht="15.5">
      <c r="A195" s="70">
        <v>894240004</v>
      </c>
      <c r="B195" s="67"/>
      <c r="C195" s="63" t="s">
        <v>625</v>
      </c>
      <c r="D195" s="65" t="s">
        <v>126</v>
      </c>
      <c r="E195" s="67" t="s">
        <v>27</v>
      </c>
      <c r="F195" s="48" t="s">
        <v>626</v>
      </c>
      <c r="G195" s="12" t="s">
        <v>627</v>
      </c>
      <c r="H195" s="6"/>
      <c r="I195" s="6"/>
      <c r="J195" s="6" t="s">
        <v>517</v>
      </c>
      <c r="K195" s="13" t="s">
        <v>547</v>
      </c>
      <c r="L195" s="6"/>
      <c r="M195" s="6"/>
      <c r="N195" s="6" t="s">
        <v>360</v>
      </c>
      <c r="O195" s="6" t="s">
        <v>273</v>
      </c>
      <c r="P195" s="13">
        <v>290</v>
      </c>
      <c r="Q195" s="6">
        <v>450</v>
      </c>
      <c r="R195" s="6" t="s">
        <v>35</v>
      </c>
      <c r="S195" s="6"/>
      <c r="T195" s="6" t="s">
        <v>30</v>
      </c>
      <c r="U195" s="6"/>
      <c r="V195" s="3" t="s">
        <v>36</v>
      </c>
      <c r="W195" s="6" t="s">
        <v>699</v>
      </c>
    </row>
    <row r="196" spans="1:23" s="11" customFormat="1" ht="15.5">
      <c r="A196" s="70">
        <v>896240002</v>
      </c>
      <c r="B196" s="67"/>
      <c r="C196" s="63" t="s">
        <v>628</v>
      </c>
      <c r="D196" s="65" t="s">
        <v>126</v>
      </c>
      <c r="E196" s="67" t="s">
        <v>27</v>
      </c>
      <c r="F196" s="48" t="s">
        <v>626</v>
      </c>
      <c r="G196" s="12" t="s">
        <v>629</v>
      </c>
      <c r="H196" s="6"/>
      <c r="I196" s="6"/>
      <c r="J196" s="6" t="s">
        <v>517</v>
      </c>
      <c r="K196" s="13" t="s">
        <v>547</v>
      </c>
      <c r="L196" s="6"/>
      <c r="M196" s="6"/>
      <c r="N196" s="6" t="s">
        <v>360</v>
      </c>
      <c r="O196" s="6" t="s">
        <v>273</v>
      </c>
      <c r="P196" s="13">
        <v>390</v>
      </c>
      <c r="Q196" s="6">
        <v>550</v>
      </c>
      <c r="R196" s="6" t="s">
        <v>35</v>
      </c>
      <c r="S196" s="6"/>
      <c r="T196" s="6" t="s">
        <v>30</v>
      </c>
      <c r="U196" s="6"/>
      <c r="V196" s="3" t="s">
        <v>36</v>
      </c>
      <c r="W196" s="6" t="s">
        <v>699</v>
      </c>
    </row>
    <row r="197" spans="1:23" s="11" customFormat="1" ht="15.5">
      <c r="A197" s="70">
        <v>550230001</v>
      </c>
      <c r="B197" s="67"/>
      <c r="C197" s="63" t="s">
        <v>630</v>
      </c>
      <c r="D197" s="65" t="s">
        <v>124</v>
      </c>
      <c r="E197" s="67" t="s">
        <v>256</v>
      </c>
      <c r="F197" s="48" t="s">
        <v>631</v>
      </c>
      <c r="G197" s="12" t="s">
        <v>632</v>
      </c>
      <c r="H197" s="6"/>
      <c r="I197" s="6"/>
      <c r="J197" s="6" t="s">
        <v>517</v>
      </c>
      <c r="K197" s="13" t="s">
        <v>578</v>
      </c>
      <c r="L197" s="6"/>
      <c r="M197" s="6"/>
      <c r="N197" s="6" t="s">
        <v>360</v>
      </c>
      <c r="O197" s="6" t="s">
        <v>273</v>
      </c>
      <c r="P197" s="13">
        <v>85</v>
      </c>
      <c r="Q197" s="6">
        <v>129</v>
      </c>
      <c r="R197" s="6" t="s">
        <v>35</v>
      </c>
      <c r="S197" s="6"/>
      <c r="T197" s="6" t="s">
        <v>30</v>
      </c>
      <c r="U197" s="6"/>
      <c r="V197" s="3" t="s">
        <v>36</v>
      </c>
      <c r="W197" s="6" t="s">
        <v>700</v>
      </c>
    </row>
    <row r="198" spans="1:23" s="11" customFormat="1" ht="15.5">
      <c r="A198" s="70">
        <v>558330002</v>
      </c>
      <c r="B198" s="67"/>
      <c r="C198" s="63" t="s">
        <v>633</v>
      </c>
      <c r="D198" s="65" t="s">
        <v>124</v>
      </c>
      <c r="E198" s="67" t="s">
        <v>266</v>
      </c>
      <c r="F198" s="48" t="s">
        <v>634</v>
      </c>
      <c r="G198" s="12" t="s">
        <v>635</v>
      </c>
      <c r="H198" s="6"/>
      <c r="I198" s="6"/>
      <c r="J198" s="6" t="s">
        <v>517</v>
      </c>
      <c r="K198" s="13" t="s">
        <v>547</v>
      </c>
      <c r="L198" s="6"/>
      <c r="M198" s="6"/>
      <c r="N198" s="6" t="s">
        <v>360</v>
      </c>
      <c r="O198" s="6" t="s">
        <v>273</v>
      </c>
      <c r="P198" s="37">
        <v>1400</v>
      </c>
      <c r="Q198" s="21">
        <v>1799</v>
      </c>
      <c r="R198" s="6" t="s">
        <v>35</v>
      </c>
      <c r="S198" s="6"/>
      <c r="T198" s="6" t="s">
        <v>30</v>
      </c>
      <c r="U198" s="6"/>
      <c r="V198" s="3" t="s">
        <v>36</v>
      </c>
      <c r="W198" s="6" t="s">
        <v>1362</v>
      </c>
    </row>
    <row r="199" spans="1:23" s="11" customFormat="1" ht="15.5">
      <c r="A199" s="70">
        <v>564330007</v>
      </c>
      <c r="B199" s="67"/>
      <c r="C199" s="63" t="s">
        <v>636</v>
      </c>
      <c r="D199" s="65" t="s">
        <v>124</v>
      </c>
      <c r="E199" s="67" t="s">
        <v>27</v>
      </c>
      <c r="F199" s="48" t="s">
        <v>637</v>
      </c>
      <c r="G199" s="12" t="s">
        <v>638</v>
      </c>
      <c r="H199" s="6"/>
      <c r="I199" s="6"/>
      <c r="J199" s="6" t="s">
        <v>517</v>
      </c>
      <c r="K199" s="13" t="s">
        <v>355</v>
      </c>
      <c r="L199" s="6"/>
      <c r="M199" s="6"/>
      <c r="N199" s="6" t="s">
        <v>360</v>
      </c>
      <c r="O199" s="6" t="s">
        <v>273</v>
      </c>
      <c r="P199" s="13">
        <v>800</v>
      </c>
      <c r="Q199" s="21">
        <v>1000</v>
      </c>
      <c r="R199" s="6" t="s">
        <v>35</v>
      </c>
      <c r="S199" s="6"/>
      <c r="T199" s="6" t="s">
        <v>71</v>
      </c>
      <c r="U199" s="6"/>
      <c r="V199" s="3" t="s">
        <v>36</v>
      </c>
      <c r="W199" s="6" t="s">
        <v>361</v>
      </c>
    </row>
    <row r="200" spans="1:23" s="11" customFormat="1" ht="15.5">
      <c r="A200" s="70">
        <v>564330018</v>
      </c>
      <c r="B200" s="67"/>
      <c r="C200" s="63" t="s">
        <v>639</v>
      </c>
      <c r="D200" s="65" t="s">
        <v>124</v>
      </c>
      <c r="E200" s="67" t="s">
        <v>27</v>
      </c>
      <c r="F200" s="48" t="s">
        <v>640</v>
      </c>
      <c r="G200" s="12" t="s">
        <v>641</v>
      </c>
      <c r="H200" s="6"/>
      <c r="I200" s="6"/>
      <c r="J200" s="6" t="s">
        <v>517</v>
      </c>
      <c r="K200" s="13" t="s">
        <v>642</v>
      </c>
      <c r="L200" s="6"/>
      <c r="M200" s="6"/>
      <c r="N200" s="6" t="s">
        <v>360</v>
      </c>
      <c r="O200" s="6" t="s">
        <v>273</v>
      </c>
      <c r="P200" s="13">
        <v>50</v>
      </c>
      <c r="Q200" s="6">
        <v>79</v>
      </c>
      <c r="R200" s="6" t="s">
        <v>35</v>
      </c>
      <c r="S200" s="6"/>
      <c r="T200" s="6" t="s">
        <v>71</v>
      </c>
      <c r="U200" s="6"/>
      <c r="V200" s="3" t="s">
        <v>36</v>
      </c>
      <c r="W200" s="6" t="s">
        <v>361</v>
      </c>
    </row>
    <row r="201" spans="1:23" s="11" customFormat="1" ht="15.5">
      <c r="A201" s="70">
        <v>564330021</v>
      </c>
      <c r="B201" s="67"/>
      <c r="C201" s="63" t="s">
        <v>643</v>
      </c>
      <c r="D201" s="65" t="s">
        <v>124</v>
      </c>
      <c r="E201" s="67" t="s">
        <v>266</v>
      </c>
      <c r="F201" s="48" t="s">
        <v>644</v>
      </c>
      <c r="G201" s="12" t="s">
        <v>645</v>
      </c>
      <c r="H201" s="6"/>
      <c r="I201" s="6"/>
      <c r="J201" s="6" t="s">
        <v>517</v>
      </c>
      <c r="K201" s="13" t="s">
        <v>642</v>
      </c>
      <c r="L201" s="6"/>
      <c r="M201" s="6"/>
      <c r="N201" s="6" t="s">
        <v>360</v>
      </c>
      <c r="O201" s="6" t="s">
        <v>273</v>
      </c>
      <c r="P201" s="13">
        <v>250</v>
      </c>
      <c r="Q201" s="6">
        <v>390</v>
      </c>
      <c r="R201" s="6" t="s">
        <v>35</v>
      </c>
      <c r="S201" s="6"/>
      <c r="T201" s="6" t="s">
        <v>71</v>
      </c>
      <c r="U201" s="6"/>
      <c r="V201" s="3" t="s">
        <v>36</v>
      </c>
      <c r="W201" s="6" t="s">
        <v>361</v>
      </c>
    </row>
    <row r="202" spans="1:23" s="11" customFormat="1" ht="15.5">
      <c r="A202" s="70">
        <v>110330026</v>
      </c>
      <c r="B202" s="67" t="s">
        <v>646</v>
      </c>
      <c r="C202" s="63" t="s">
        <v>647</v>
      </c>
      <c r="D202" s="65" t="s">
        <v>124</v>
      </c>
      <c r="E202" s="67" t="s">
        <v>27</v>
      </c>
      <c r="F202" s="48" t="s">
        <v>648</v>
      </c>
      <c r="G202" s="12" t="s">
        <v>649</v>
      </c>
      <c r="H202" s="6"/>
      <c r="I202" s="6"/>
      <c r="J202" s="6" t="s">
        <v>517</v>
      </c>
      <c r="K202" s="13" t="s">
        <v>547</v>
      </c>
      <c r="L202" s="6"/>
      <c r="M202" s="6"/>
      <c r="N202" s="6" t="s">
        <v>360</v>
      </c>
      <c r="O202" s="6" t="s">
        <v>273</v>
      </c>
      <c r="P202" s="37">
        <v>1000</v>
      </c>
      <c r="Q202" s="21">
        <v>1390</v>
      </c>
      <c r="R202" s="6" t="s">
        <v>35</v>
      </c>
      <c r="S202" s="6"/>
      <c r="T202" s="6" t="s">
        <v>30</v>
      </c>
      <c r="U202" s="6"/>
      <c r="V202" s="3" t="s">
        <v>36</v>
      </c>
      <c r="W202" s="6" t="s">
        <v>650</v>
      </c>
    </row>
    <row r="203" spans="1:23" s="11" customFormat="1" ht="15.5">
      <c r="A203" s="70">
        <v>110330028</v>
      </c>
      <c r="B203" s="67" t="s">
        <v>651</v>
      </c>
      <c r="C203" s="63" t="s">
        <v>652</v>
      </c>
      <c r="D203" s="65" t="s">
        <v>124</v>
      </c>
      <c r="E203" s="67" t="s">
        <v>27</v>
      </c>
      <c r="F203" s="48" t="s">
        <v>653</v>
      </c>
      <c r="G203" s="12" t="s">
        <v>654</v>
      </c>
      <c r="H203" s="6"/>
      <c r="I203" s="6"/>
      <c r="J203" s="6" t="s">
        <v>517</v>
      </c>
      <c r="K203" s="13" t="s">
        <v>547</v>
      </c>
      <c r="L203" s="6"/>
      <c r="M203" s="6"/>
      <c r="N203" s="6" t="s">
        <v>360</v>
      </c>
      <c r="O203" s="6" t="s">
        <v>273</v>
      </c>
      <c r="P203" s="37">
        <v>1100</v>
      </c>
      <c r="Q203" s="21">
        <v>1890</v>
      </c>
      <c r="R203" s="6" t="s">
        <v>35</v>
      </c>
      <c r="S203" s="6"/>
      <c r="T203" s="6" t="s">
        <v>30</v>
      </c>
      <c r="U203" s="6"/>
      <c r="V203" s="3" t="s">
        <v>36</v>
      </c>
      <c r="W203" s="6" t="s">
        <v>655</v>
      </c>
    </row>
    <row r="204" spans="1:23" s="11" customFormat="1" ht="15.5">
      <c r="A204" s="70">
        <v>110330029</v>
      </c>
      <c r="B204" s="67" t="s">
        <v>651</v>
      </c>
      <c r="C204" s="63" t="s">
        <v>656</v>
      </c>
      <c r="D204" s="65" t="s">
        <v>124</v>
      </c>
      <c r="E204" s="67" t="s">
        <v>27</v>
      </c>
      <c r="F204" s="48" t="s">
        <v>653</v>
      </c>
      <c r="G204" s="12" t="s">
        <v>657</v>
      </c>
      <c r="H204" s="6"/>
      <c r="I204" s="6"/>
      <c r="J204" s="6" t="s">
        <v>517</v>
      </c>
      <c r="K204" s="13" t="s">
        <v>547</v>
      </c>
      <c r="L204" s="6"/>
      <c r="M204" s="6"/>
      <c r="N204" s="6" t="s">
        <v>360</v>
      </c>
      <c r="O204" s="6" t="s">
        <v>273</v>
      </c>
      <c r="P204" s="37">
        <v>1200</v>
      </c>
      <c r="Q204" s="21">
        <v>1990</v>
      </c>
      <c r="R204" s="6" t="s">
        <v>35</v>
      </c>
      <c r="S204" s="6"/>
      <c r="T204" s="6" t="s">
        <v>30</v>
      </c>
      <c r="U204" s="6"/>
      <c r="V204" s="3" t="s">
        <v>36</v>
      </c>
      <c r="W204" s="6" t="s">
        <v>655</v>
      </c>
    </row>
    <row r="205" spans="1:23" s="11" customFormat="1" ht="15.5">
      <c r="A205" s="70">
        <v>110330031</v>
      </c>
      <c r="B205" s="67" t="s">
        <v>651</v>
      </c>
      <c r="C205" s="63" t="s">
        <v>658</v>
      </c>
      <c r="D205" s="65" t="s">
        <v>124</v>
      </c>
      <c r="E205" s="67" t="s">
        <v>27</v>
      </c>
      <c r="F205" s="48" t="s">
        <v>653</v>
      </c>
      <c r="G205" s="22" t="s">
        <v>659</v>
      </c>
      <c r="H205" s="6"/>
      <c r="I205" s="6"/>
      <c r="J205" s="6" t="s">
        <v>517</v>
      </c>
      <c r="K205" s="13" t="s">
        <v>547</v>
      </c>
      <c r="L205" s="6"/>
      <c r="M205" s="6"/>
      <c r="N205" s="6" t="s">
        <v>360</v>
      </c>
      <c r="O205" s="6" t="s">
        <v>273</v>
      </c>
      <c r="P205" s="13">
        <v>800</v>
      </c>
      <c r="Q205" s="21">
        <v>1290</v>
      </c>
      <c r="R205" s="6" t="s">
        <v>35</v>
      </c>
      <c r="S205" s="6"/>
      <c r="T205" s="6" t="s">
        <v>30</v>
      </c>
      <c r="U205" s="6"/>
      <c r="V205" s="3" t="s">
        <v>36</v>
      </c>
      <c r="W205" s="6" t="s">
        <v>655</v>
      </c>
    </row>
    <row r="206" spans="1:23" s="11" customFormat="1" ht="15.5">
      <c r="A206" s="70">
        <v>110330033</v>
      </c>
      <c r="B206" s="67" t="s">
        <v>651</v>
      </c>
      <c r="C206" s="63" t="s">
        <v>660</v>
      </c>
      <c r="D206" s="65" t="s">
        <v>124</v>
      </c>
      <c r="E206" s="67" t="s">
        <v>27</v>
      </c>
      <c r="F206" s="48" t="s">
        <v>653</v>
      </c>
      <c r="G206" s="12" t="s">
        <v>661</v>
      </c>
      <c r="H206" s="6"/>
      <c r="I206" s="6"/>
      <c r="J206" s="6" t="s">
        <v>517</v>
      </c>
      <c r="K206" s="13" t="s">
        <v>547</v>
      </c>
      <c r="L206" s="6"/>
      <c r="M206" s="6"/>
      <c r="N206" s="6" t="s">
        <v>360</v>
      </c>
      <c r="O206" s="6" t="s">
        <v>273</v>
      </c>
      <c r="P206" s="13">
        <v>850</v>
      </c>
      <c r="Q206" s="21">
        <v>1590</v>
      </c>
      <c r="R206" s="6" t="s">
        <v>35</v>
      </c>
      <c r="S206" s="6"/>
      <c r="T206" s="6" t="s">
        <v>30</v>
      </c>
      <c r="U206" s="6"/>
      <c r="V206" s="3" t="s">
        <v>36</v>
      </c>
      <c r="W206" s="6" t="s">
        <v>655</v>
      </c>
    </row>
    <row r="207" spans="1:23" s="11" customFormat="1" ht="15.5">
      <c r="A207" s="70">
        <v>110330034</v>
      </c>
      <c r="B207" s="67" t="s">
        <v>651</v>
      </c>
      <c r="C207" s="63" t="s">
        <v>662</v>
      </c>
      <c r="D207" s="65" t="s">
        <v>124</v>
      </c>
      <c r="E207" s="67" t="s">
        <v>27</v>
      </c>
      <c r="F207" s="48" t="s">
        <v>653</v>
      </c>
      <c r="G207" s="12" t="s">
        <v>663</v>
      </c>
      <c r="H207" s="6"/>
      <c r="I207" s="6"/>
      <c r="J207" s="6" t="s">
        <v>517</v>
      </c>
      <c r="K207" s="13" t="s">
        <v>547</v>
      </c>
      <c r="L207" s="6"/>
      <c r="M207" s="6"/>
      <c r="N207" s="6" t="s">
        <v>360</v>
      </c>
      <c r="O207" s="6" t="s">
        <v>273</v>
      </c>
      <c r="P207" s="13">
        <v>550</v>
      </c>
      <c r="Q207" s="6">
        <v>990</v>
      </c>
      <c r="R207" s="6" t="s">
        <v>35</v>
      </c>
      <c r="S207" s="6"/>
      <c r="T207" s="6" t="s">
        <v>30</v>
      </c>
      <c r="U207" s="6"/>
      <c r="V207" s="3" t="s">
        <v>36</v>
      </c>
      <c r="W207" s="6" t="s">
        <v>655</v>
      </c>
    </row>
    <row r="208" spans="1:23" s="11" customFormat="1" ht="15.5">
      <c r="A208" s="70">
        <v>110330035</v>
      </c>
      <c r="B208" s="67" t="s">
        <v>651</v>
      </c>
      <c r="C208" s="63" t="s">
        <v>664</v>
      </c>
      <c r="D208" s="65" t="s">
        <v>124</v>
      </c>
      <c r="E208" s="67" t="s">
        <v>27</v>
      </c>
      <c r="F208" s="48" t="s">
        <v>653</v>
      </c>
      <c r="G208" s="28" t="s">
        <v>665</v>
      </c>
      <c r="H208" s="6"/>
      <c r="I208" s="6"/>
      <c r="J208" s="6" t="s">
        <v>517</v>
      </c>
      <c r="K208" s="13" t="s">
        <v>547</v>
      </c>
      <c r="L208" s="6"/>
      <c r="M208" s="6"/>
      <c r="N208" s="6" t="s">
        <v>360</v>
      </c>
      <c r="O208" s="6" t="s">
        <v>273</v>
      </c>
      <c r="P208" s="37">
        <v>1200</v>
      </c>
      <c r="Q208" s="21">
        <v>1990</v>
      </c>
      <c r="R208" s="6" t="s">
        <v>35</v>
      </c>
      <c r="S208" s="6"/>
      <c r="T208" s="6" t="s">
        <v>30</v>
      </c>
      <c r="U208" s="6"/>
      <c r="V208" s="3" t="s">
        <v>36</v>
      </c>
      <c r="W208" s="6" t="s">
        <v>655</v>
      </c>
    </row>
    <row r="209" spans="1:23" s="11" customFormat="1" ht="15.5">
      <c r="A209" s="70">
        <v>556330014</v>
      </c>
      <c r="B209" s="67" t="s">
        <v>666</v>
      </c>
      <c r="C209" s="63" t="s">
        <v>667</v>
      </c>
      <c r="D209" s="65" t="s">
        <v>124</v>
      </c>
      <c r="E209" s="67" t="s">
        <v>668</v>
      </c>
      <c r="F209" s="48" t="s">
        <v>669</v>
      </c>
      <c r="G209" s="29" t="s">
        <v>670</v>
      </c>
      <c r="H209" s="6"/>
      <c r="I209" s="6"/>
      <c r="J209" s="6" t="s">
        <v>517</v>
      </c>
      <c r="K209" s="13" t="s">
        <v>642</v>
      </c>
      <c r="L209" s="6"/>
      <c r="M209" s="6"/>
      <c r="N209" s="6" t="s">
        <v>360</v>
      </c>
      <c r="O209" s="6" t="s">
        <v>273</v>
      </c>
      <c r="P209" s="13">
        <v>130</v>
      </c>
      <c r="Q209" s="6">
        <v>190</v>
      </c>
      <c r="R209" s="6" t="s">
        <v>35</v>
      </c>
      <c r="S209" s="6"/>
      <c r="T209" s="6" t="s">
        <v>30</v>
      </c>
      <c r="U209" s="6"/>
      <c r="V209" s="3" t="s">
        <v>36</v>
      </c>
      <c r="W209" s="6" t="s">
        <v>671</v>
      </c>
    </row>
    <row r="210" spans="1:23" s="11" customFormat="1" ht="15.5">
      <c r="A210" s="61">
        <v>112330008</v>
      </c>
      <c r="B210" s="67" t="s">
        <v>672</v>
      </c>
      <c r="C210" s="63" t="s">
        <v>673</v>
      </c>
      <c r="D210" s="65" t="s">
        <v>124</v>
      </c>
      <c r="E210" s="67" t="s">
        <v>27</v>
      </c>
      <c r="F210" s="48" t="s">
        <v>674</v>
      </c>
      <c r="G210" s="12" t="s">
        <v>675</v>
      </c>
      <c r="H210" s="6"/>
      <c r="I210" s="6"/>
      <c r="J210" s="6" t="s">
        <v>517</v>
      </c>
      <c r="K210" s="13" t="s">
        <v>642</v>
      </c>
      <c r="L210" s="6"/>
      <c r="M210" s="6"/>
      <c r="N210" s="6" t="s">
        <v>360</v>
      </c>
      <c r="O210" s="6" t="s">
        <v>273</v>
      </c>
      <c r="P210" s="13">
        <v>190</v>
      </c>
      <c r="Q210" s="6">
        <v>250</v>
      </c>
      <c r="R210" s="6" t="s">
        <v>35</v>
      </c>
      <c r="S210" s="6"/>
      <c r="T210" s="6" t="s">
        <v>30</v>
      </c>
      <c r="U210" s="6"/>
      <c r="V210" s="3" t="s">
        <v>36</v>
      </c>
      <c r="W210" s="6" t="s">
        <v>701</v>
      </c>
    </row>
    <row r="211" spans="1:23" s="11" customFormat="1" ht="15.5">
      <c r="A211" s="70">
        <v>619330006</v>
      </c>
      <c r="B211" s="67"/>
      <c r="C211" s="63" t="s">
        <v>676</v>
      </c>
      <c r="D211" s="65" t="s">
        <v>124</v>
      </c>
      <c r="E211" s="67" t="s">
        <v>27</v>
      </c>
      <c r="F211" s="48" t="s">
        <v>677</v>
      </c>
      <c r="G211" s="12" t="s">
        <v>678</v>
      </c>
      <c r="H211" s="6"/>
      <c r="I211" s="6"/>
      <c r="J211" s="6" t="s">
        <v>517</v>
      </c>
      <c r="K211" s="13" t="s">
        <v>446</v>
      </c>
      <c r="L211" s="6"/>
      <c r="M211" s="6"/>
      <c r="N211" s="6" t="s">
        <v>360</v>
      </c>
      <c r="O211" s="6" t="s">
        <v>455</v>
      </c>
      <c r="P211" s="13">
        <v>300</v>
      </c>
      <c r="Q211" s="6">
        <v>650</v>
      </c>
      <c r="R211" s="6" t="s">
        <v>35</v>
      </c>
      <c r="S211" s="6"/>
      <c r="T211" s="6" t="s">
        <v>30</v>
      </c>
      <c r="U211" s="6"/>
      <c r="V211" s="3" t="s">
        <v>36</v>
      </c>
      <c r="W211" s="6" t="s">
        <v>679</v>
      </c>
    </row>
    <row r="212" spans="1:23" s="11" customFormat="1" ht="15.5">
      <c r="A212" s="70">
        <v>113330005</v>
      </c>
      <c r="B212" s="67"/>
      <c r="C212" s="63" t="s">
        <v>680</v>
      </c>
      <c r="D212" s="65" t="s">
        <v>124</v>
      </c>
      <c r="E212" s="67" t="s">
        <v>27</v>
      </c>
      <c r="F212" s="48" t="s">
        <v>681</v>
      </c>
      <c r="G212" s="12" t="s">
        <v>682</v>
      </c>
      <c r="H212" s="6"/>
      <c r="I212" s="6"/>
      <c r="J212" s="6" t="s">
        <v>517</v>
      </c>
      <c r="K212" s="13" t="s">
        <v>683</v>
      </c>
      <c r="L212" s="6"/>
      <c r="M212" s="6"/>
      <c r="N212" s="6" t="s">
        <v>360</v>
      </c>
      <c r="O212" s="6" t="s">
        <v>455</v>
      </c>
      <c r="P212" s="13">
        <v>700</v>
      </c>
      <c r="Q212" s="21">
        <v>1000</v>
      </c>
      <c r="R212" s="6" t="s">
        <v>35</v>
      </c>
      <c r="S212" s="6"/>
      <c r="T212" s="6" t="s">
        <v>30</v>
      </c>
      <c r="U212" s="6"/>
      <c r="V212" s="3" t="s">
        <v>36</v>
      </c>
      <c r="W212" s="6" t="s">
        <v>679</v>
      </c>
    </row>
    <row r="213" spans="1:23" s="11" customFormat="1" ht="15.5">
      <c r="A213" s="70">
        <v>113330006</v>
      </c>
      <c r="B213" s="67"/>
      <c r="C213" s="63" t="s">
        <v>684</v>
      </c>
      <c r="D213" s="65" t="s">
        <v>124</v>
      </c>
      <c r="E213" s="67" t="s">
        <v>27</v>
      </c>
      <c r="F213" s="48" t="s">
        <v>685</v>
      </c>
      <c r="G213" s="12" t="s">
        <v>686</v>
      </c>
      <c r="H213" s="6"/>
      <c r="I213" s="6"/>
      <c r="J213" s="6" t="s">
        <v>517</v>
      </c>
      <c r="K213" s="13" t="s">
        <v>683</v>
      </c>
      <c r="L213" s="6"/>
      <c r="M213" s="6"/>
      <c r="N213" s="6" t="s">
        <v>360</v>
      </c>
      <c r="O213" s="6" t="s">
        <v>455</v>
      </c>
      <c r="P213" s="37">
        <v>1000</v>
      </c>
      <c r="Q213" s="21">
        <v>1500</v>
      </c>
      <c r="R213" s="6" t="s">
        <v>35</v>
      </c>
      <c r="S213" s="6"/>
      <c r="T213" s="6" t="s">
        <v>30</v>
      </c>
      <c r="U213" s="6"/>
      <c r="V213" s="3" t="s">
        <v>36</v>
      </c>
      <c r="W213" s="6" t="s">
        <v>679</v>
      </c>
    </row>
    <row r="214" spans="1:23" s="11" customFormat="1" ht="15.5">
      <c r="A214" s="70">
        <v>227330010</v>
      </c>
      <c r="B214" s="67"/>
      <c r="C214" s="63" t="s">
        <v>687</v>
      </c>
      <c r="D214" s="65" t="s">
        <v>124</v>
      </c>
      <c r="E214" s="67" t="s">
        <v>81</v>
      </c>
      <c r="F214" s="48" t="s">
        <v>688</v>
      </c>
      <c r="G214" s="12" t="s">
        <v>689</v>
      </c>
      <c r="H214" s="6"/>
      <c r="I214" s="6"/>
      <c r="J214" s="6" t="s">
        <v>517</v>
      </c>
      <c r="K214" s="13" t="s">
        <v>547</v>
      </c>
      <c r="L214" s="6"/>
      <c r="M214" s="6"/>
      <c r="N214" s="6" t="s">
        <v>360</v>
      </c>
      <c r="O214" s="6" t="s">
        <v>273</v>
      </c>
      <c r="P214" s="13">
        <v>180</v>
      </c>
      <c r="Q214" s="6">
        <v>300</v>
      </c>
      <c r="R214" s="6" t="s">
        <v>83</v>
      </c>
      <c r="S214" s="6"/>
      <c r="T214" s="6" t="s">
        <v>30</v>
      </c>
      <c r="U214" s="6"/>
      <c r="V214" s="3" t="s">
        <v>36</v>
      </c>
      <c r="W214" s="6" t="s">
        <v>690</v>
      </c>
    </row>
    <row r="215" spans="1:23" s="11" customFormat="1" ht="15.5">
      <c r="A215" s="70">
        <v>110340072</v>
      </c>
      <c r="B215" s="67"/>
      <c r="C215" s="63" t="s">
        <v>392</v>
      </c>
      <c r="D215" s="65" t="s">
        <v>126</v>
      </c>
      <c r="E215" s="67" t="s">
        <v>393</v>
      </c>
      <c r="F215" s="48" t="s">
        <v>691</v>
      </c>
      <c r="G215" s="12" t="s">
        <v>394</v>
      </c>
      <c r="H215" s="6"/>
      <c r="I215" s="6"/>
      <c r="J215" s="6" t="s">
        <v>517</v>
      </c>
      <c r="K215" s="13" t="s">
        <v>642</v>
      </c>
      <c r="L215" s="6"/>
      <c r="M215" s="6"/>
      <c r="N215" s="6" t="s">
        <v>360</v>
      </c>
      <c r="O215" s="6" t="s">
        <v>455</v>
      </c>
      <c r="P215" s="13">
        <v>36</v>
      </c>
      <c r="Q215" s="6">
        <v>60</v>
      </c>
      <c r="R215" s="6" t="s">
        <v>35</v>
      </c>
      <c r="S215" s="6"/>
      <c r="T215" s="6" t="s">
        <v>50</v>
      </c>
      <c r="U215" s="6"/>
      <c r="V215" s="3" t="s">
        <v>36</v>
      </c>
      <c r="W215" s="6" t="s">
        <v>692</v>
      </c>
    </row>
    <row r="216" spans="1:23" s="11" customFormat="1" ht="15.5">
      <c r="A216" s="70">
        <v>110340089</v>
      </c>
      <c r="B216" s="67"/>
      <c r="C216" s="63" t="s">
        <v>693</v>
      </c>
      <c r="D216" s="65" t="s">
        <v>126</v>
      </c>
      <c r="E216" s="67" t="s">
        <v>27</v>
      </c>
      <c r="F216" s="48" t="s">
        <v>694</v>
      </c>
      <c r="G216" s="12" t="s">
        <v>695</v>
      </c>
      <c r="H216" s="6"/>
      <c r="I216" s="6"/>
      <c r="J216" s="6" t="s">
        <v>517</v>
      </c>
      <c r="K216" s="13" t="s">
        <v>446</v>
      </c>
      <c r="L216" s="6"/>
      <c r="M216" s="6"/>
      <c r="N216" s="6" t="s">
        <v>360</v>
      </c>
      <c r="O216" s="6" t="s">
        <v>273</v>
      </c>
      <c r="P216" s="13">
        <v>160</v>
      </c>
      <c r="Q216" s="6">
        <v>180</v>
      </c>
      <c r="R216" s="6" t="s">
        <v>35</v>
      </c>
      <c r="S216" s="27" t="s">
        <v>72</v>
      </c>
      <c r="T216" s="6"/>
      <c r="U216" s="6"/>
      <c r="V216" s="3" t="s">
        <v>36</v>
      </c>
      <c r="W216" s="6" t="s">
        <v>696</v>
      </c>
    </row>
    <row r="217" spans="1:23" s="11" customFormat="1" ht="15.5">
      <c r="A217" s="70">
        <v>892330010</v>
      </c>
      <c r="B217" s="67"/>
      <c r="C217" s="63" t="s">
        <v>702</v>
      </c>
      <c r="D217" s="65" t="s">
        <v>124</v>
      </c>
      <c r="E217" s="67" t="s">
        <v>703</v>
      </c>
      <c r="F217" s="48" t="s">
        <v>704</v>
      </c>
      <c r="G217" s="12" t="s">
        <v>705</v>
      </c>
      <c r="H217" s="6"/>
      <c r="I217" s="6"/>
      <c r="J217" s="6" t="s">
        <v>517</v>
      </c>
      <c r="K217" s="13" t="s">
        <v>642</v>
      </c>
      <c r="L217" s="6"/>
      <c r="M217" s="6"/>
      <c r="N217" s="6" t="s">
        <v>360</v>
      </c>
      <c r="O217" s="6" t="s">
        <v>273</v>
      </c>
      <c r="P217" s="13">
        <v>300</v>
      </c>
      <c r="Q217" s="6">
        <v>400</v>
      </c>
      <c r="R217" s="6" t="s">
        <v>35</v>
      </c>
      <c r="S217" s="6"/>
      <c r="T217" s="6" t="s">
        <v>30</v>
      </c>
      <c r="U217" s="6"/>
      <c r="V217" s="3" t="s">
        <v>36</v>
      </c>
      <c r="W217" s="6" t="s">
        <v>706</v>
      </c>
    </row>
    <row r="218" spans="1:23" s="11" customFormat="1" ht="15.5">
      <c r="A218" s="70">
        <v>896130007</v>
      </c>
      <c r="B218" s="67"/>
      <c r="C218" s="63" t="s">
        <v>707</v>
      </c>
      <c r="D218" s="65" t="s">
        <v>124</v>
      </c>
      <c r="E218" s="67" t="s">
        <v>27</v>
      </c>
      <c r="F218" s="48" t="s">
        <v>708</v>
      </c>
      <c r="G218" s="12" t="s">
        <v>709</v>
      </c>
      <c r="H218" s="6"/>
      <c r="I218" s="6"/>
      <c r="J218" s="6" t="s">
        <v>517</v>
      </c>
      <c r="K218" s="13" t="s">
        <v>547</v>
      </c>
      <c r="L218" s="6"/>
      <c r="M218" s="6"/>
      <c r="N218" s="6" t="s">
        <v>360</v>
      </c>
      <c r="O218" s="6" t="s">
        <v>273</v>
      </c>
      <c r="P218" s="13">
        <v>500</v>
      </c>
      <c r="Q218" s="6">
        <v>750</v>
      </c>
      <c r="R218" s="6" t="s">
        <v>35</v>
      </c>
      <c r="S218" s="6"/>
      <c r="T218" s="6" t="s">
        <v>30</v>
      </c>
      <c r="U218" s="6"/>
      <c r="V218" s="3" t="s">
        <v>36</v>
      </c>
      <c r="W218" s="6" t="s">
        <v>710</v>
      </c>
    </row>
    <row r="219" spans="1:23" s="11" customFormat="1" ht="15.5">
      <c r="A219" s="70">
        <v>896340015</v>
      </c>
      <c r="B219" s="67"/>
      <c r="C219" s="63" t="s">
        <v>711</v>
      </c>
      <c r="D219" s="65" t="s">
        <v>124</v>
      </c>
      <c r="E219" s="67" t="s">
        <v>27</v>
      </c>
      <c r="F219" s="48" t="s">
        <v>712</v>
      </c>
      <c r="G219" s="12" t="s">
        <v>713</v>
      </c>
      <c r="H219" s="6"/>
      <c r="I219" s="6"/>
      <c r="J219" s="6" t="s">
        <v>517</v>
      </c>
      <c r="K219" s="13" t="s">
        <v>547</v>
      </c>
      <c r="L219" s="6"/>
      <c r="M219" s="6"/>
      <c r="N219" s="6" t="s">
        <v>360</v>
      </c>
      <c r="O219" s="6" t="s">
        <v>273</v>
      </c>
      <c r="P219" s="13">
        <v>150</v>
      </c>
      <c r="Q219" s="6">
        <v>250</v>
      </c>
      <c r="R219" s="6" t="s">
        <v>35</v>
      </c>
      <c r="S219" s="6"/>
      <c r="T219" s="6" t="s">
        <v>30</v>
      </c>
      <c r="U219" s="6"/>
      <c r="V219" s="3" t="s">
        <v>36</v>
      </c>
      <c r="W219" s="6" t="s">
        <v>714</v>
      </c>
    </row>
    <row r="220" spans="1:23" s="11" customFormat="1" ht="15.5">
      <c r="A220" s="70">
        <v>894340018</v>
      </c>
      <c r="B220" s="67"/>
      <c r="C220" s="63" t="s">
        <v>715</v>
      </c>
      <c r="D220" s="65" t="s">
        <v>126</v>
      </c>
      <c r="E220" s="67" t="s">
        <v>27</v>
      </c>
      <c r="F220" s="48" t="s">
        <v>716</v>
      </c>
      <c r="G220" s="12" t="s">
        <v>717</v>
      </c>
      <c r="H220" s="6"/>
      <c r="I220" s="6"/>
      <c r="J220" s="6" t="s">
        <v>517</v>
      </c>
      <c r="K220" s="13" t="s">
        <v>642</v>
      </c>
      <c r="L220" s="6"/>
      <c r="M220" s="6"/>
      <c r="N220" s="6" t="s">
        <v>360</v>
      </c>
      <c r="O220" s="6" t="s">
        <v>273</v>
      </c>
      <c r="P220" s="13">
        <v>60</v>
      </c>
      <c r="Q220" s="6">
        <v>180</v>
      </c>
      <c r="R220" s="6" t="s">
        <v>83</v>
      </c>
      <c r="S220" s="6"/>
      <c r="T220" s="6" t="s">
        <v>30</v>
      </c>
      <c r="U220" s="6"/>
      <c r="V220" s="3" t="s">
        <v>36</v>
      </c>
      <c r="W220" s="6" t="s">
        <v>718</v>
      </c>
    </row>
    <row r="221" spans="1:23" s="11" customFormat="1" ht="15.5">
      <c r="A221" s="70">
        <v>894340029</v>
      </c>
      <c r="B221" s="67"/>
      <c r="C221" s="63" t="s">
        <v>719</v>
      </c>
      <c r="D221" s="65" t="s">
        <v>126</v>
      </c>
      <c r="E221" s="67" t="s">
        <v>27</v>
      </c>
      <c r="F221" s="48" t="s">
        <v>720</v>
      </c>
      <c r="G221" s="12" t="s">
        <v>721</v>
      </c>
      <c r="H221" s="6"/>
      <c r="I221" s="6"/>
      <c r="J221" s="6" t="s">
        <v>517</v>
      </c>
      <c r="K221" s="13" t="s">
        <v>642</v>
      </c>
      <c r="L221" s="6"/>
      <c r="M221" s="6"/>
      <c r="N221" s="6" t="s">
        <v>360</v>
      </c>
      <c r="O221" s="6" t="s">
        <v>273</v>
      </c>
      <c r="P221" s="13">
        <v>120</v>
      </c>
      <c r="Q221" s="6">
        <v>200</v>
      </c>
      <c r="R221" s="6" t="s">
        <v>83</v>
      </c>
      <c r="S221" s="6"/>
      <c r="T221" s="6" t="s">
        <v>30</v>
      </c>
      <c r="U221" s="6"/>
      <c r="V221" s="3" t="s">
        <v>36</v>
      </c>
      <c r="W221" s="6" t="s">
        <v>718</v>
      </c>
    </row>
    <row r="222" spans="1:23" s="11" customFormat="1" ht="15.5">
      <c r="A222" s="70">
        <v>894340031</v>
      </c>
      <c r="B222" s="67"/>
      <c r="C222" s="63" t="s">
        <v>722</v>
      </c>
      <c r="D222" s="65" t="s">
        <v>126</v>
      </c>
      <c r="E222" s="67" t="s">
        <v>86</v>
      </c>
      <c r="F222" s="48" t="s">
        <v>723</v>
      </c>
      <c r="G222" s="12" t="s">
        <v>724</v>
      </c>
      <c r="H222" s="6"/>
      <c r="I222" s="6"/>
      <c r="J222" s="6" t="s">
        <v>517</v>
      </c>
      <c r="K222" s="13" t="s">
        <v>642</v>
      </c>
      <c r="L222" s="6"/>
      <c r="M222" s="6"/>
      <c r="N222" s="6" t="s">
        <v>360</v>
      </c>
      <c r="O222" s="6" t="s">
        <v>273</v>
      </c>
      <c r="P222" s="13">
        <v>90</v>
      </c>
      <c r="Q222" s="6">
        <v>200</v>
      </c>
      <c r="R222" s="6" t="s">
        <v>83</v>
      </c>
      <c r="S222" s="6"/>
      <c r="T222" s="6" t="s">
        <v>30</v>
      </c>
      <c r="U222" s="6"/>
      <c r="V222" s="3" t="s">
        <v>36</v>
      </c>
      <c r="W222" s="6" t="s">
        <v>718</v>
      </c>
    </row>
    <row r="223" spans="1:23" s="11" customFormat="1" ht="15.5">
      <c r="A223" s="70">
        <v>883140006</v>
      </c>
      <c r="B223" s="67"/>
      <c r="C223" s="63" t="s">
        <v>725</v>
      </c>
      <c r="D223" s="65" t="s">
        <v>124</v>
      </c>
      <c r="E223" s="67" t="s">
        <v>726</v>
      </c>
      <c r="F223" s="48" t="s">
        <v>727</v>
      </c>
      <c r="G223" s="12" t="s">
        <v>728</v>
      </c>
      <c r="H223" s="6"/>
      <c r="I223" s="6"/>
      <c r="J223" s="6" t="s">
        <v>517</v>
      </c>
      <c r="K223" s="13" t="s">
        <v>683</v>
      </c>
      <c r="L223" s="6"/>
      <c r="M223" s="6"/>
      <c r="N223" s="6" t="s">
        <v>360</v>
      </c>
      <c r="O223" s="6" t="s">
        <v>273</v>
      </c>
      <c r="P223" s="37">
        <v>3325</v>
      </c>
      <c r="Q223" s="21">
        <v>6650</v>
      </c>
      <c r="R223" s="6" t="s">
        <v>35</v>
      </c>
      <c r="S223" s="6"/>
      <c r="T223" s="6" t="s">
        <v>30</v>
      </c>
      <c r="U223" s="6"/>
      <c r="V223" s="3" t="s">
        <v>36</v>
      </c>
      <c r="W223" s="6" t="s">
        <v>729</v>
      </c>
    </row>
    <row r="224" spans="1:23" s="11" customFormat="1" ht="15.5">
      <c r="A224" s="70">
        <v>220340004</v>
      </c>
      <c r="B224" s="67"/>
      <c r="C224" s="63" t="s">
        <v>730</v>
      </c>
      <c r="D224" s="65" t="s">
        <v>126</v>
      </c>
      <c r="E224" s="67" t="s">
        <v>86</v>
      </c>
      <c r="F224" s="48" t="s">
        <v>731</v>
      </c>
      <c r="G224" s="12" t="s">
        <v>732</v>
      </c>
      <c r="H224" s="6"/>
      <c r="I224" s="6"/>
      <c r="J224" s="6" t="s">
        <v>517</v>
      </c>
      <c r="K224" s="13" t="s">
        <v>642</v>
      </c>
      <c r="L224" s="6"/>
      <c r="M224" s="6"/>
      <c r="N224" s="6" t="s">
        <v>360</v>
      </c>
      <c r="O224" s="6" t="s">
        <v>273</v>
      </c>
      <c r="P224" s="13">
        <v>100</v>
      </c>
      <c r="Q224" s="6">
        <v>250</v>
      </c>
      <c r="R224" s="6" t="s">
        <v>83</v>
      </c>
      <c r="S224" s="6"/>
      <c r="T224" s="6" t="s">
        <v>30</v>
      </c>
      <c r="U224" s="6"/>
      <c r="V224" s="3" t="s">
        <v>36</v>
      </c>
      <c r="W224" s="6" t="s">
        <v>733</v>
      </c>
    </row>
    <row r="225" spans="1:23" s="11" customFormat="1" ht="15.5">
      <c r="A225" s="61">
        <v>770340019</v>
      </c>
      <c r="B225" s="67"/>
      <c r="C225" s="63" t="s">
        <v>734</v>
      </c>
      <c r="D225" s="65" t="s">
        <v>126</v>
      </c>
      <c r="E225" s="67" t="s">
        <v>393</v>
      </c>
      <c r="F225" s="48" t="s">
        <v>735</v>
      </c>
      <c r="G225" s="12" t="s">
        <v>394</v>
      </c>
      <c r="H225" s="6"/>
      <c r="I225" s="6"/>
      <c r="J225" s="6" t="s">
        <v>517</v>
      </c>
      <c r="K225" s="13" t="s">
        <v>342</v>
      </c>
      <c r="L225" s="6"/>
      <c r="M225" s="6"/>
      <c r="N225" s="6" t="s">
        <v>360</v>
      </c>
      <c r="O225" s="6" t="s">
        <v>410</v>
      </c>
      <c r="P225" s="13">
        <v>70</v>
      </c>
      <c r="Q225" s="6">
        <v>150</v>
      </c>
      <c r="R225" s="6" t="s">
        <v>35</v>
      </c>
      <c r="S225" s="6"/>
      <c r="T225" s="6" t="s">
        <v>30</v>
      </c>
      <c r="U225" s="6"/>
      <c r="V225" s="3" t="s">
        <v>36</v>
      </c>
      <c r="W225" s="6" t="s">
        <v>1759</v>
      </c>
    </row>
    <row r="226" spans="1:23" s="11" customFormat="1" ht="15.5">
      <c r="A226" s="70">
        <v>619340033</v>
      </c>
      <c r="B226" s="73" t="s">
        <v>736</v>
      </c>
      <c r="C226" s="63" t="s">
        <v>737</v>
      </c>
      <c r="D226" s="65" t="s">
        <v>126</v>
      </c>
      <c r="E226" s="67" t="s">
        <v>266</v>
      </c>
      <c r="F226" s="48" t="s">
        <v>738</v>
      </c>
      <c r="G226" s="14" t="s">
        <v>739</v>
      </c>
      <c r="H226" s="6"/>
      <c r="I226" s="6"/>
      <c r="J226" s="6" t="s">
        <v>517</v>
      </c>
      <c r="K226" s="13" t="s">
        <v>547</v>
      </c>
      <c r="L226" s="6"/>
      <c r="M226" s="6"/>
      <c r="N226" s="6" t="s">
        <v>360</v>
      </c>
      <c r="O226" s="6" t="s">
        <v>410</v>
      </c>
      <c r="P226" s="13">
        <v>350</v>
      </c>
      <c r="Q226" s="6">
        <v>550</v>
      </c>
      <c r="R226" s="6" t="s">
        <v>83</v>
      </c>
      <c r="S226" s="6"/>
      <c r="T226" s="6" t="s">
        <v>30</v>
      </c>
      <c r="U226" s="6"/>
      <c r="V226" s="3" t="s">
        <v>36</v>
      </c>
      <c r="W226" s="6" t="s">
        <v>740</v>
      </c>
    </row>
    <row r="227" spans="1:23" s="11" customFormat="1" ht="15.5">
      <c r="A227" s="70">
        <v>331330001</v>
      </c>
      <c r="B227" s="67"/>
      <c r="C227" s="63" t="s">
        <v>741</v>
      </c>
      <c r="D227" s="65" t="s">
        <v>124</v>
      </c>
      <c r="E227" s="67" t="s">
        <v>266</v>
      </c>
      <c r="F227" s="52" t="s">
        <v>742</v>
      </c>
      <c r="G227" s="30" t="s">
        <v>743</v>
      </c>
      <c r="H227" s="31"/>
      <c r="I227" s="6"/>
      <c r="J227" s="6" t="s">
        <v>517</v>
      </c>
      <c r="K227" s="13" t="s">
        <v>642</v>
      </c>
      <c r="L227" s="6"/>
      <c r="M227" s="6"/>
      <c r="N227" s="6" t="s">
        <v>360</v>
      </c>
      <c r="O227" s="6" t="s">
        <v>410</v>
      </c>
      <c r="P227" s="13">
        <v>400</v>
      </c>
      <c r="Q227" s="6">
        <v>600</v>
      </c>
      <c r="R227" s="6" t="s">
        <v>35</v>
      </c>
      <c r="S227" s="6"/>
      <c r="T227" s="6" t="s">
        <v>30</v>
      </c>
      <c r="U227" s="6"/>
      <c r="V227" s="3" t="s">
        <v>36</v>
      </c>
      <c r="W227" s="6" t="s">
        <v>744</v>
      </c>
    </row>
    <row r="228" spans="1:23" s="11" customFormat="1" ht="15.5">
      <c r="A228" s="70">
        <v>331340004</v>
      </c>
      <c r="B228" s="67"/>
      <c r="C228" s="63" t="s">
        <v>745</v>
      </c>
      <c r="D228" s="65" t="s">
        <v>124</v>
      </c>
      <c r="E228" s="67" t="s">
        <v>86</v>
      </c>
      <c r="F228" s="48" t="s">
        <v>746</v>
      </c>
      <c r="G228" s="17" t="s">
        <v>747</v>
      </c>
      <c r="H228" s="6"/>
      <c r="I228" s="6"/>
      <c r="J228" s="6" t="s">
        <v>517</v>
      </c>
      <c r="K228" s="13" t="s">
        <v>642</v>
      </c>
      <c r="L228" s="6"/>
      <c r="M228" s="6"/>
      <c r="N228" s="6" t="s">
        <v>360</v>
      </c>
      <c r="O228" s="6" t="s">
        <v>410</v>
      </c>
      <c r="P228" s="13">
        <v>150</v>
      </c>
      <c r="Q228" s="6">
        <v>230</v>
      </c>
      <c r="R228" s="6" t="s">
        <v>35</v>
      </c>
      <c r="S228" s="6"/>
      <c r="T228" s="6" t="s">
        <v>30</v>
      </c>
      <c r="U228" s="6"/>
      <c r="V228" s="3" t="s">
        <v>36</v>
      </c>
      <c r="W228" s="6" t="s">
        <v>748</v>
      </c>
    </row>
    <row r="229" spans="1:23" s="11" customFormat="1" ht="15.5">
      <c r="A229" s="70">
        <v>331330006</v>
      </c>
      <c r="B229" s="67"/>
      <c r="C229" s="63" t="s">
        <v>749</v>
      </c>
      <c r="D229" s="65" t="s">
        <v>124</v>
      </c>
      <c r="E229" s="67" t="s">
        <v>27</v>
      </c>
      <c r="F229" s="48" t="s">
        <v>750</v>
      </c>
      <c r="G229" s="12" t="s">
        <v>751</v>
      </c>
      <c r="H229" s="6"/>
      <c r="I229" s="6"/>
      <c r="J229" s="6" t="s">
        <v>517</v>
      </c>
      <c r="K229" s="13" t="s">
        <v>642</v>
      </c>
      <c r="L229" s="6"/>
      <c r="M229" s="6"/>
      <c r="N229" s="6" t="s">
        <v>360</v>
      </c>
      <c r="O229" s="6" t="s">
        <v>410</v>
      </c>
      <c r="P229" s="13">
        <v>180</v>
      </c>
      <c r="Q229" s="6">
        <v>250</v>
      </c>
      <c r="R229" s="6" t="s">
        <v>35</v>
      </c>
      <c r="S229" s="6"/>
      <c r="T229" s="6" t="s">
        <v>30</v>
      </c>
      <c r="U229" s="6"/>
      <c r="V229" s="3" t="s">
        <v>36</v>
      </c>
      <c r="W229" s="6" t="s">
        <v>748</v>
      </c>
    </row>
    <row r="230" spans="1:23" s="11" customFormat="1" ht="15.5">
      <c r="A230" s="70">
        <v>331340003</v>
      </c>
      <c r="B230" s="67"/>
      <c r="C230" s="63" t="s">
        <v>752</v>
      </c>
      <c r="D230" s="65" t="s">
        <v>126</v>
      </c>
      <c r="E230" s="67" t="s">
        <v>81</v>
      </c>
      <c r="F230" s="48" t="s">
        <v>753</v>
      </c>
      <c r="G230" s="12" t="s">
        <v>754</v>
      </c>
      <c r="H230" s="6"/>
      <c r="I230" s="6"/>
      <c r="J230" s="6" t="s">
        <v>517</v>
      </c>
      <c r="K230" s="13" t="s">
        <v>642</v>
      </c>
      <c r="L230" s="6"/>
      <c r="M230" s="6"/>
      <c r="N230" s="6" t="s">
        <v>360</v>
      </c>
      <c r="O230" s="6" t="s">
        <v>410</v>
      </c>
      <c r="P230" s="13">
        <v>450</v>
      </c>
      <c r="Q230" s="6">
        <v>550</v>
      </c>
      <c r="R230" s="6" t="s">
        <v>35</v>
      </c>
      <c r="S230" s="6"/>
      <c r="T230" s="6" t="s">
        <v>30</v>
      </c>
      <c r="U230" s="6"/>
      <c r="V230" s="3" t="s">
        <v>36</v>
      </c>
      <c r="W230" s="6" t="s">
        <v>748</v>
      </c>
    </row>
    <row r="231" spans="1:23" s="11" customFormat="1" ht="15.5">
      <c r="A231" s="70">
        <v>331340008</v>
      </c>
      <c r="B231" s="67"/>
      <c r="C231" s="63" t="s">
        <v>755</v>
      </c>
      <c r="D231" s="65" t="s">
        <v>126</v>
      </c>
      <c r="E231" s="67" t="s">
        <v>388</v>
      </c>
      <c r="F231" s="48" t="s">
        <v>756</v>
      </c>
      <c r="G231" s="12" t="s">
        <v>757</v>
      </c>
      <c r="H231" s="6"/>
      <c r="I231" s="6"/>
      <c r="J231" s="6" t="s">
        <v>517</v>
      </c>
      <c r="K231" s="13" t="s">
        <v>642</v>
      </c>
      <c r="L231" s="6"/>
      <c r="M231" s="6"/>
      <c r="N231" s="6" t="s">
        <v>360</v>
      </c>
      <c r="O231" s="6" t="s">
        <v>410</v>
      </c>
      <c r="P231" s="13">
        <v>100</v>
      </c>
      <c r="Q231" s="6">
        <v>139</v>
      </c>
      <c r="R231" s="6" t="s">
        <v>35</v>
      </c>
      <c r="S231" s="6"/>
      <c r="T231" s="6" t="s">
        <v>30</v>
      </c>
      <c r="U231" s="6"/>
      <c r="V231" s="3" t="s">
        <v>36</v>
      </c>
      <c r="W231" s="6" t="s">
        <v>748</v>
      </c>
    </row>
    <row r="232" spans="1:23" s="11" customFormat="1" ht="15.5">
      <c r="A232" s="70">
        <v>331330009</v>
      </c>
      <c r="B232" s="67"/>
      <c r="C232" s="63" t="s">
        <v>758</v>
      </c>
      <c r="D232" s="65" t="s">
        <v>124</v>
      </c>
      <c r="E232" s="67" t="s">
        <v>27</v>
      </c>
      <c r="F232" s="48" t="s">
        <v>750</v>
      </c>
      <c r="G232" s="12" t="s">
        <v>759</v>
      </c>
      <c r="H232" s="6"/>
      <c r="I232" s="6"/>
      <c r="J232" s="6" t="s">
        <v>517</v>
      </c>
      <c r="K232" s="13" t="s">
        <v>642</v>
      </c>
      <c r="L232" s="6"/>
      <c r="M232" s="6"/>
      <c r="N232" s="6" t="s">
        <v>360</v>
      </c>
      <c r="O232" s="6" t="s">
        <v>410</v>
      </c>
      <c r="P232" s="13">
        <v>150</v>
      </c>
      <c r="Q232" s="6">
        <v>200</v>
      </c>
      <c r="R232" s="6" t="s">
        <v>35</v>
      </c>
      <c r="S232" s="6"/>
      <c r="T232" s="6" t="s">
        <v>30</v>
      </c>
      <c r="U232" s="6"/>
      <c r="V232" s="3" t="s">
        <v>36</v>
      </c>
      <c r="W232" s="6" t="s">
        <v>748</v>
      </c>
    </row>
    <row r="233" spans="1:23" s="11" customFormat="1" ht="15.5">
      <c r="A233" s="70">
        <v>331350013</v>
      </c>
      <c r="B233" s="67"/>
      <c r="C233" s="63" t="s">
        <v>760</v>
      </c>
      <c r="D233" s="65" t="s">
        <v>124</v>
      </c>
      <c r="E233" s="67" t="s">
        <v>256</v>
      </c>
      <c r="F233" s="48" t="s">
        <v>761</v>
      </c>
      <c r="G233" s="12" t="s">
        <v>762</v>
      </c>
      <c r="H233" s="6"/>
      <c r="I233" s="6"/>
      <c r="J233" s="6" t="s">
        <v>517</v>
      </c>
      <c r="K233" s="13" t="s">
        <v>642</v>
      </c>
      <c r="L233" s="6"/>
      <c r="M233" s="6"/>
      <c r="N233" s="6" t="s">
        <v>360</v>
      </c>
      <c r="O233" s="6" t="s">
        <v>373</v>
      </c>
      <c r="P233" s="13">
        <v>100</v>
      </c>
      <c r="Q233" s="6">
        <v>230</v>
      </c>
      <c r="R233" s="6" t="s">
        <v>35</v>
      </c>
      <c r="S233" s="6"/>
      <c r="T233" s="6" t="s">
        <v>30</v>
      </c>
      <c r="U233" s="6"/>
      <c r="V233" s="3" t="s">
        <v>36</v>
      </c>
      <c r="W233" s="6" t="s">
        <v>748</v>
      </c>
    </row>
    <row r="234" spans="1:23" s="11" customFormat="1" ht="15.5">
      <c r="A234" s="70">
        <v>335330016</v>
      </c>
      <c r="B234" s="67"/>
      <c r="C234" s="63" t="s">
        <v>763</v>
      </c>
      <c r="D234" s="65" t="s">
        <v>124</v>
      </c>
      <c r="E234" s="67" t="s">
        <v>266</v>
      </c>
      <c r="F234" s="48" t="s">
        <v>764</v>
      </c>
      <c r="G234" s="12" t="s">
        <v>645</v>
      </c>
      <c r="H234" s="6"/>
      <c r="I234" s="6"/>
      <c r="J234" s="6" t="s">
        <v>517</v>
      </c>
      <c r="K234" s="13" t="s">
        <v>642</v>
      </c>
      <c r="L234" s="6"/>
      <c r="M234" s="6"/>
      <c r="N234" s="6" t="s">
        <v>360</v>
      </c>
      <c r="O234" s="6" t="s">
        <v>373</v>
      </c>
      <c r="P234" s="13">
        <v>300</v>
      </c>
      <c r="Q234" s="6">
        <v>490</v>
      </c>
      <c r="R234" s="6" t="s">
        <v>35</v>
      </c>
      <c r="S234" s="6"/>
      <c r="T234" s="6" t="s">
        <v>30</v>
      </c>
      <c r="U234" s="6"/>
      <c r="V234" s="3" t="s">
        <v>36</v>
      </c>
      <c r="W234" s="6" t="s">
        <v>765</v>
      </c>
    </row>
    <row r="235" spans="1:23" s="11" customFormat="1" ht="15.5">
      <c r="A235" s="70">
        <v>337330001</v>
      </c>
      <c r="B235" s="67" t="s">
        <v>369</v>
      </c>
      <c r="C235" s="63" t="s">
        <v>766</v>
      </c>
      <c r="D235" s="65" t="s">
        <v>124</v>
      </c>
      <c r="E235" s="67" t="s">
        <v>27</v>
      </c>
      <c r="F235" s="48" t="s">
        <v>767</v>
      </c>
      <c r="G235" s="12" t="s">
        <v>768</v>
      </c>
      <c r="H235" s="6"/>
      <c r="I235" s="6"/>
      <c r="J235" s="6" t="s">
        <v>517</v>
      </c>
      <c r="K235" s="13" t="s">
        <v>642</v>
      </c>
      <c r="L235" s="6"/>
      <c r="M235" s="6"/>
      <c r="N235" s="6" t="s">
        <v>360</v>
      </c>
      <c r="O235" s="6" t="s">
        <v>373</v>
      </c>
      <c r="P235" s="13">
        <v>300</v>
      </c>
      <c r="Q235" s="6">
        <v>420</v>
      </c>
      <c r="R235" s="6" t="s">
        <v>35</v>
      </c>
      <c r="S235" s="6"/>
      <c r="T235" s="6" t="s">
        <v>30</v>
      </c>
      <c r="U235" s="6"/>
      <c r="V235" s="3" t="s">
        <v>36</v>
      </c>
      <c r="W235" s="6" t="s">
        <v>375</v>
      </c>
    </row>
    <row r="236" spans="1:23" s="11" customFormat="1" ht="15.5">
      <c r="A236" s="70">
        <v>337340008</v>
      </c>
      <c r="B236" s="67"/>
      <c r="C236" s="63" t="s">
        <v>769</v>
      </c>
      <c r="D236" s="65" t="s">
        <v>126</v>
      </c>
      <c r="E236" s="67" t="s">
        <v>388</v>
      </c>
      <c r="F236" s="48" t="s">
        <v>770</v>
      </c>
      <c r="G236" s="12" t="s">
        <v>771</v>
      </c>
      <c r="H236" s="6"/>
      <c r="I236" s="6"/>
      <c r="J236" s="6" t="s">
        <v>517</v>
      </c>
      <c r="K236" s="13" t="s">
        <v>642</v>
      </c>
      <c r="L236" s="6"/>
      <c r="M236" s="6"/>
      <c r="N236" s="6" t="s">
        <v>360</v>
      </c>
      <c r="O236" s="6" t="s">
        <v>410</v>
      </c>
      <c r="P236" s="13">
        <v>60</v>
      </c>
      <c r="Q236" s="6">
        <v>99</v>
      </c>
      <c r="R236" s="6" t="s">
        <v>35</v>
      </c>
      <c r="S236" s="6"/>
      <c r="T236" s="6" t="s">
        <v>30</v>
      </c>
      <c r="U236" s="6"/>
      <c r="V236" s="3" t="s">
        <v>36</v>
      </c>
      <c r="W236" s="6" t="s">
        <v>772</v>
      </c>
    </row>
    <row r="237" spans="1:23" s="11" customFormat="1" ht="15.5">
      <c r="A237" s="70">
        <v>337330015</v>
      </c>
      <c r="B237" s="67" t="s">
        <v>369</v>
      </c>
      <c r="C237" s="63" t="s">
        <v>773</v>
      </c>
      <c r="D237" s="65" t="s">
        <v>124</v>
      </c>
      <c r="E237" s="67" t="s">
        <v>27</v>
      </c>
      <c r="F237" s="48" t="s">
        <v>774</v>
      </c>
      <c r="G237" s="12" t="s">
        <v>775</v>
      </c>
      <c r="H237" s="6"/>
      <c r="I237" s="6"/>
      <c r="J237" s="6" t="s">
        <v>517</v>
      </c>
      <c r="K237" s="13" t="s">
        <v>642</v>
      </c>
      <c r="L237" s="6"/>
      <c r="M237" s="6"/>
      <c r="N237" s="6" t="s">
        <v>360</v>
      </c>
      <c r="O237" s="6" t="s">
        <v>373</v>
      </c>
      <c r="P237" s="13">
        <v>150</v>
      </c>
      <c r="Q237" s="6">
        <v>200</v>
      </c>
      <c r="R237" s="6" t="s">
        <v>35</v>
      </c>
      <c r="S237" s="6"/>
      <c r="T237" s="6" t="s">
        <v>30</v>
      </c>
      <c r="U237" s="6"/>
      <c r="V237" s="3" t="s">
        <v>36</v>
      </c>
      <c r="W237" s="6" t="s">
        <v>375</v>
      </c>
    </row>
    <row r="238" spans="1:23" s="11" customFormat="1" ht="15.5">
      <c r="A238" s="70">
        <v>337330023</v>
      </c>
      <c r="B238" s="67" t="s">
        <v>369</v>
      </c>
      <c r="C238" s="63" t="s">
        <v>776</v>
      </c>
      <c r="D238" s="65" t="s">
        <v>124</v>
      </c>
      <c r="E238" s="67" t="s">
        <v>27</v>
      </c>
      <c r="F238" s="48" t="s">
        <v>777</v>
      </c>
      <c r="G238" s="12" t="s">
        <v>778</v>
      </c>
      <c r="H238" s="6"/>
      <c r="I238" s="6"/>
      <c r="J238" s="6" t="s">
        <v>517</v>
      </c>
      <c r="K238" s="13" t="s">
        <v>642</v>
      </c>
      <c r="L238" s="6"/>
      <c r="M238" s="6"/>
      <c r="N238" s="6" t="s">
        <v>360</v>
      </c>
      <c r="O238" s="6" t="s">
        <v>373</v>
      </c>
      <c r="P238" s="13">
        <v>380</v>
      </c>
      <c r="Q238" s="6">
        <v>490</v>
      </c>
      <c r="R238" s="6" t="s">
        <v>35</v>
      </c>
      <c r="S238" s="6"/>
      <c r="T238" s="6" t="s">
        <v>30</v>
      </c>
      <c r="U238" s="6"/>
      <c r="V238" s="3" t="s">
        <v>36</v>
      </c>
      <c r="W238" s="6" t="s">
        <v>375</v>
      </c>
    </row>
    <row r="239" spans="1:23" s="11" customFormat="1" ht="15.5">
      <c r="A239" s="70">
        <v>337330025</v>
      </c>
      <c r="B239" s="67" t="s">
        <v>369</v>
      </c>
      <c r="C239" s="63" t="s">
        <v>779</v>
      </c>
      <c r="D239" s="65" t="s">
        <v>124</v>
      </c>
      <c r="E239" s="67" t="s">
        <v>27</v>
      </c>
      <c r="F239" s="48" t="s">
        <v>780</v>
      </c>
      <c r="G239" s="12" t="s">
        <v>781</v>
      </c>
      <c r="H239" s="6"/>
      <c r="I239" s="6"/>
      <c r="J239" s="6" t="s">
        <v>517</v>
      </c>
      <c r="K239" s="13" t="s">
        <v>642</v>
      </c>
      <c r="L239" s="6"/>
      <c r="M239" s="6"/>
      <c r="N239" s="6" t="s">
        <v>360</v>
      </c>
      <c r="O239" s="6" t="s">
        <v>373</v>
      </c>
      <c r="P239" s="13">
        <v>280</v>
      </c>
      <c r="Q239" s="6">
        <v>390</v>
      </c>
      <c r="R239" s="6" t="s">
        <v>35</v>
      </c>
      <c r="S239" s="6"/>
      <c r="T239" s="6" t="s">
        <v>30</v>
      </c>
      <c r="U239" s="6"/>
      <c r="V239" s="3" t="s">
        <v>36</v>
      </c>
      <c r="W239" s="6" t="s">
        <v>375</v>
      </c>
    </row>
    <row r="240" spans="1:23" s="11" customFormat="1" ht="15.5">
      <c r="A240" s="70">
        <v>337330029</v>
      </c>
      <c r="B240" s="67" t="s">
        <v>369</v>
      </c>
      <c r="C240" s="63" t="s">
        <v>782</v>
      </c>
      <c r="D240" s="65" t="s">
        <v>124</v>
      </c>
      <c r="E240" s="67" t="s">
        <v>27</v>
      </c>
      <c r="F240" s="48" t="s">
        <v>783</v>
      </c>
      <c r="G240" s="12" t="s">
        <v>784</v>
      </c>
      <c r="H240" s="6"/>
      <c r="I240" s="6"/>
      <c r="J240" s="6" t="s">
        <v>517</v>
      </c>
      <c r="K240" s="13" t="s">
        <v>642</v>
      </c>
      <c r="L240" s="6"/>
      <c r="M240" s="6"/>
      <c r="N240" s="6" t="s">
        <v>360</v>
      </c>
      <c r="O240" s="6" t="s">
        <v>373</v>
      </c>
      <c r="P240" s="13">
        <v>300</v>
      </c>
      <c r="Q240" s="6">
        <v>450</v>
      </c>
      <c r="R240" s="6" t="s">
        <v>35</v>
      </c>
      <c r="S240" s="6"/>
      <c r="T240" s="6" t="s">
        <v>30</v>
      </c>
      <c r="U240" s="6"/>
      <c r="V240" s="3" t="s">
        <v>36</v>
      </c>
      <c r="W240" s="6" t="s">
        <v>375</v>
      </c>
    </row>
    <row r="241" spans="1:23" s="11" customFormat="1" ht="15.5">
      <c r="A241" s="70">
        <v>222340051</v>
      </c>
      <c r="B241" s="67"/>
      <c r="C241" s="63" t="s">
        <v>785</v>
      </c>
      <c r="D241" s="65" t="s">
        <v>126</v>
      </c>
      <c r="E241" s="67" t="s">
        <v>81</v>
      </c>
      <c r="F241" s="48" t="s">
        <v>542</v>
      </c>
      <c r="G241" s="12" t="s">
        <v>786</v>
      </c>
      <c r="H241" s="6"/>
      <c r="I241" s="6"/>
      <c r="J241" s="6" t="s">
        <v>517</v>
      </c>
      <c r="K241" s="6" t="s">
        <v>446</v>
      </c>
      <c r="L241" s="6"/>
      <c r="M241" s="6"/>
      <c r="N241" s="6" t="s">
        <v>360</v>
      </c>
      <c r="O241" s="6" t="s">
        <v>410</v>
      </c>
      <c r="P241" s="13">
        <v>100</v>
      </c>
      <c r="Q241" s="6">
        <v>160</v>
      </c>
      <c r="R241" s="6" t="s">
        <v>83</v>
      </c>
      <c r="S241" s="6"/>
      <c r="T241" s="6" t="s">
        <v>30</v>
      </c>
      <c r="U241" s="6"/>
      <c r="V241" s="3" t="s">
        <v>36</v>
      </c>
      <c r="W241" s="6" t="s">
        <v>787</v>
      </c>
    </row>
    <row r="242" spans="1:23" s="11" customFormat="1" ht="15.5">
      <c r="A242" s="70">
        <v>113330019</v>
      </c>
      <c r="B242" s="67"/>
      <c r="C242" s="63" t="s">
        <v>788</v>
      </c>
      <c r="D242" s="65" t="s">
        <v>124</v>
      </c>
      <c r="E242" s="67" t="s">
        <v>266</v>
      </c>
      <c r="F242" s="48" t="s">
        <v>789</v>
      </c>
      <c r="G242" s="12" t="s">
        <v>790</v>
      </c>
      <c r="H242" s="6"/>
      <c r="I242" s="6"/>
      <c r="J242" s="6" t="s">
        <v>517</v>
      </c>
      <c r="K242" s="6" t="s">
        <v>446</v>
      </c>
      <c r="L242" s="6"/>
      <c r="M242" s="6"/>
      <c r="N242" s="6" t="s">
        <v>360</v>
      </c>
      <c r="O242" s="6" t="s">
        <v>410</v>
      </c>
      <c r="P242" s="37">
        <v>2000</v>
      </c>
      <c r="Q242" s="21">
        <v>2700</v>
      </c>
      <c r="R242" s="6" t="s">
        <v>35</v>
      </c>
      <c r="S242" s="6"/>
      <c r="T242" s="6" t="s">
        <v>30</v>
      </c>
      <c r="U242" s="6"/>
      <c r="V242" s="3" t="s">
        <v>36</v>
      </c>
      <c r="W242" s="6" t="s">
        <v>791</v>
      </c>
    </row>
    <row r="243" spans="1:23" s="11" customFormat="1" ht="15.5">
      <c r="A243" s="70">
        <v>442350001</v>
      </c>
      <c r="B243" s="67"/>
      <c r="C243" s="63" t="s">
        <v>792</v>
      </c>
      <c r="D243" s="65" t="s">
        <v>124</v>
      </c>
      <c r="E243" s="67" t="s">
        <v>256</v>
      </c>
      <c r="F243" s="48" t="s">
        <v>793</v>
      </c>
      <c r="G243" s="12" t="s">
        <v>794</v>
      </c>
      <c r="H243" s="6"/>
      <c r="I243" s="6"/>
      <c r="J243" s="6" t="s">
        <v>517</v>
      </c>
      <c r="K243" s="13" t="s">
        <v>642</v>
      </c>
      <c r="L243" s="6"/>
      <c r="M243" s="6"/>
      <c r="N243" s="6" t="s">
        <v>360</v>
      </c>
      <c r="O243" s="6" t="s">
        <v>410</v>
      </c>
      <c r="P243" s="13">
        <v>100</v>
      </c>
      <c r="Q243" s="6">
        <v>150</v>
      </c>
      <c r="R243" s="6" t="s">
        <v>83</v>
      </c>
      <c r="S243" s="6"/>
      <c r="T243" s="6" t="s">
        <v>30</v>
      </c>
      <c r="U243" s="6"/>
      <c r="V243" s="3" t="s">
        <v>36</v>
      </c>
      <c r="W243" s="6" t="s">
        <v>795</v>
      </c>
    </row>
    <row r="244" spans="1:23" s="11" customFormat="1" ht="15.5">
      <c r="A244" s="70">
        <v>442350002</v>
      </c>
      <c r="B244" s="67"/>
      <c r="C244" s="63" t="s">
        <v>796</v>
      </c>
      <c r="D244" s="65" t="s">
        <v>124</v>
      </c>
      <c r="E244" s="67" t="s">
        <v>256</v>
      </c>
      <c r="F244" s="48" t="s">
        <v>793</v>
      </c>
      <c r="G244" s="12" t="s">
        <v>797</v>
      </c>
      <c r="H244" s="6"/>
      <c r="I244" s="6"/>
      <c r="J244" s="6" t="s">
        <v>517</v>
      </c>
      <c r="K244" s="13" t="s">
        <v>642</v>
      </c>
      <c r="L244" s="6"/>
      <c r="M244" s="6"/>
      <c r="N244" s="6" t="s">
        <v>360</v>
      </c>
      <c r="O244" s="6" t="s">
        <v>410</v>
      </c>
      <c r="P244" s="13">
        <v>100</v>
      </c>
      <c r="Q244" s="6">
        <v>150</v>
      </c>
      <c r="R244" s="6" t="s">
        <v>83</v>
      </c>
      <c r="S244" s="6"/>
      <c r="T244" s="6" t="s">
        <v>30</v>
      </c>
      <c r="U244" s="6"/>
      <c r="V244" s="3" t="s">
        <v>36</v>
      </c>
      <c r="W244" s="6" t="s">
        <v>795</v>
      </c>
    </row>
    <row r="245" spans="1:23" s="11" customFormat="1" ht="15.5">
      <c r="A245" s="61">
        <v>442350003</v>
      </c>
      <c r="B245" s="67"/>
      <c r="C245" s="63" t="s">
        <v>798</v>
      </c>
      <c r="D245" s="65" t="s">
        <v>124</v>
      </c>
      <c r="E245" s="67" t="s">
        <v>256</v>
      </c>
      <c r="F245" s="48" t="s">
        <v>793</v>
      </c>
      <c r="G245" s="12" t="s">
        <v>799</v>
      </c>
      <c r="H245" s="6"/>
      <c r="I245" s="6"/>
      <c r="J245" s="6" t="s">
        <v>517</v>
      </c>
      <c r="K245" s="13" t="s">
        <v>642</v>
      </c>
      <c r="L245" s="6"/>
      <c r="M245" s="6"/>
      <c r="N245" s="6" t="s">
        <v>360</v>
      </c>
      <c r="O245" s="6" t="s">
        <v>410</v>
      </c>
      <c r="P245" s="13">
        <v>100</v>
      </c>
      <c r="Q245" s="6">
        <v>150</v>
      </c>
      <c r="R245" s="6" t="s">
        <v>83</v>
      </c>
      <c r="S245" s="6"/>
      <c r="T245" s="6" t="s">
        <v>30</v>
      </c>
      <c r="U245" s="6"/>
      <c r="V245" s="3" t="s">
        <v>36</v>
      </c>
      <c r="W245" s="6" t="s">
        <v>795</v>
      </c>
    </row>
    <row r="246" spans="1:23" s="11" customFormat="1" ht="15.5">
      <c r="A246" s="70">
        <v>442340004</v>
      </c>
      <c r="B246" s="67"/>
      <c r="C246" s="63" t="s">
        <v>800</v>
      </c>
      <c r="D246" s="65" t="s">
        <v>126</v>
      </c>
      <c r="E246" s="67" t="s">
        <v>86</v>
      </c>
      <c r="F246" s="48" t="s">
        <v>801</v>
      </c>
      <c r="G246" s="12" t="s">
        <v>802</v>
      </c>
      <c r="H246" s="6"/>
      <c r="I246" s="6"/>
      <c r="J246" s="6" t="s">
        <v>517</v>
      </c>
      <c r="K246" s="13" t="s">
        <v>547</v>
      </c>
      <c r="L246" s="6"/>
      <c r="M246" s="6"/>
      <c r="N246" s="6" t="s">
        <v>360</v>
      </c>
      <c r="O246" s="6" t="s">
        <v>410</v>
      </c>
      <c r="P246" s="13">
        <v>350</v>
      </c>
      <c r="Q246" s="6">
        <v>500</v>
      </c>
      <c r="R246" s="6" t="s">
        <v>35</v>
      </c>
      <c r="S246" s="6"/>
      <c r="T246" s="6" t="s">
        <v>30</v>
      </c>
      <c r="U246" s="6"/>
      <c r="V246" s="3" t="s">
        <v>36</v>
      </c>
      <c r="W246" s="6" t="s">
        <v>803</v>
      </c>
    </row>
    <row r="247" spans="1:23" s="11" customFormat="1" ht="15.5">
      <c r="A247" s="70">
        <v>446140002</v>
      </c>
      <c r="B247" s="67"/>
      <c r="C247" s="63" t="s">
        <v>804</v>
      </c>
      <c r="D247" s="65" t="s">
        <v>126</v>
      </c>
      <c r="E247" s="67" t="s">
        <v>388</v>
      </c>
      <c r="F247" s="48" t="s">
        <v>805</v>
      </c>
      <c r="G247" s="12" t="s">
        <v>806</v>
      </c>
      <c r="H247" s="6"/>
      <c r="I247" s="6"/>
      <c r="J247" s="6" t="s">
        <v>517</v>
      </c>
      <c r="K247" s="6" t="s">
        <v>446</v>
      </c>
      <c r="L247" s="6"/>
      <c r="M247" s="6"/>
      <c r="N247" s="6" t="s">
        <v>360</v>
      </c>
      <c r="O247" s="6" t="s">
        <v>410</v>
      </c>
      <c r="P247" s="13">
        <v>41</v>
      </c>
      <c r="Q247" s="6">
        <v>99</v>
      </c>
      <c r="R247" s="6" t="s">
        <v>35</v>
      </c>
      <c r="S247" s="6"/>
      <c r="T247" s="6" t="s">
        <v>30</v>
      </c>
      <c r="U247" s="6"/>
      <c r="V247" s="3" t="s">
        <v>36</v>
      </c>
      <c r="W247" s="6" t="s">
        <v>807</v>
      </c>
    </row>
    <row r="248" spans="1:23" s="11" customFormat="1" ht="15.5">
      <c r="A248" s="70">
        <v>447330005</v>
      </c>
      <c r="B248" s="67"/>
      <c r="C248" s="63" t="s">
        <v>808</v>
      </c>
      <c r="D248" s="65" t="s">
        <v>124</v>
      </c>
      <c r="E248" s="67" t="s">
        <v>266</v>
      </c>
      <c r="F248" s="48" t="s">
        <v>809</v>
      </c>
      <c r="G248" s="12" t="s">
        <v>568</v>
      </c>
      <c r="H248" s="6"/>
      <c r="I248" s="6"/>
      <c r="J248" s="6" t="s">
        <v>517</v>
      </c>
      <c r="K248" s="13" t="s">
        <v>642</v>
      </c>
      <c r="L248" s="6"/>
      <c r="M248" s="6"/>
      <c r="N248" s="6" t="s">
        <v>360</v>
      </c>
      <c r="O248" s="6" t="s">
        <v>410</v>
      </c>
      <c r="P248" s="13">
        <v>230</v>
      </c>
      <c r="Q248" s="6">
        <v>370</v>
      </c>
      <c r="R248" s="6" t="s">
        <v>35</v>
      </c>
      <c r="S248" s="6"/>
      <c r="T248" s="6" t="s">
        <v>30</v>
      </c>
      <c r="U248" s="6"/>
      <c r="V248" s="3" t="s">
        <v>36</v>
      </c>
      <c r="W248" s="6" t="s">
        <v>810</v>
      </c>
    </row>
    <row r="249" spans="1:23" s="11" customFormat="1" ht="15.5">
      <c r="A249" s="70">
        <v>447330006</v>
      </c>
      <c r="B249" s="67"/>
      <c r="C249" s="63" t="s">
        <v>811</v>
      </c>
      <c r="D249" s="65" t="s">
        <v>126</v>
      </c>
      <c r="E249" s="67" t="s">
        <v>86</v>
      </c>
      <c r="F249" s="48" t="s">
        <v>812</v>
      </c>
      <c r="G249" s="12" t="s">
        <v>813</v>
      </c>
      <c r="H249" s="6"/>
      <c r="I249" s="6"/>
      <c r="J249" s="6" t="s">
        <v>517</v>
      </c>
      <c r="K249" s="13" t="s">
        <v>642</v>
      </c>
      <c r="L249" s="6"/>
      <c r="M249" s="6"/>
      <c r="N249" s="6" t="s">
        <v>360</v>
      </c>
      <c r="O249" s="6" t="s">
        <v>410</v>
      </c>
      <c r="P249" s="13">
        <v>50</v>
      </c>
      <c r="Q249" s="6">
        <v>79</v>
      </c>
      <c r="R249" s="6" t="s">
        <v>35</v>
      </c>
      <c r="S249" s="6"/>
      <c r="T249" s="6" t="s">
        <v>30</v>
      </c>
      <c r="U249" s="6"/>
      <c r="V249" s="3" t="s">
        <v>36</v>
      </c>
      <c r="W249" s="6" t="s">
        <v>810</v>
      </c>
    </row>
    <row r="250" spans="1:23" s="11" customFormat="1" ht="15.5">
      <c r="A250" s="70">
        <v>447340008</v>
      </c>
      <c r="B250" s="67"/>
      <c r="C250" s="63" t="s">
        <v>814</v>
      </c>
      <c r="D250" s="65" t="s">
        <v>126</v>
      </c>
      <c r="E250" s="67" t="s">
        <v>388</v>
      </c>
      <c r="F250" s="48" t="s">
        <v>815</v>
      </c>
      <c r="G250" s="12" t="s">
        <v>816</v>
      </c>
      <c r="H250" s="6"/>
      <c r="I250" s="6"/>
      <c r="J250" s="6" t="s">
        <v>517</v>
      </c>
      <c r="K250" s="13" t="s">
        <v>642</v>
      </c>
      <c r="L250" s="6"/>
      <c r="M250" s="6"/>
      <c r="N250" s="6" t="s">
        <v>360</v>
      </c>
      <c r="O250" s="6" t="s">
        <v>410</v>
      </c>
      <c r="P250" s="13">
        <v>100</v>
      </c>
      <c r="Q250" s="6">
        <v>179</v>
      </c>
      <c r="R250" s="6" t="s">
        <v>35</v>
      </c>
      <c r="S250" s="6"/>
      <c r="T250" s="6" t="s">
        <v>30</v>
      </c>
      <c r="U250" s="6"/>
      <c r="V250" s="3" t="s">
        <v>36</v>
      </c>
      <c r="W250" s="6" t="s">
        <v>810</v>
      </c>
    </row>
    <row r="251" spans="1:23" s="11" customFormat="1" ht="15.5">
      <c r="A251" s="70">
        <v>447340009</v>
      </c>
      <c r="B251" s="67"/>
      <c r="C251" s="63" t="s">
        <v>817</v>
      </c>
      <c r="D251" s="65" t="s">
        <v>126</v>
      </c>
      <c r="E251" s="67" t="s">
        <v>388</v>
      </c>
      <c r="F251" s="48" t="s">
        <v>818</v>
      </c>
      <c r="G251" s="12" t="s">
        <v>819</v>
      </c>
      <c r="H251" s="6"/>
      <c r="I251" s="6"/>
      <c r="J251" s="6" t="s">
        <v>517</v>
      </c>
      <c r="K251" s="13" t="s">
        <v>642</v>
      </c>
      <c r="L251" s="6"/>
      <c r="M251" s="6"/>
      <c r="N251" s="6" t="s">
        <v>360</v>
      </c>
      <c r="O251" s="6" t="s">
        <v>410</v>
      </c>
      <c r="P251" s="13">
        <v>100</v>
      </c>
      <c r="Q251" s="6">
        <v>179</v>
      </c>
      <c r="R251" s="6" t="s">
        <v>35</v>
      </c>
      <c r="S251" s="6"/>
      <c r="T251" s="6" t="s">
        <v>30</v>
      </c>
      <c r="U251" s="6"/>
      <c r="V251" s="3" t="s">
        <v>36</v>
      </c>
      <c r="W251" s="6" t="s">
        <v>810</v>
      </c>
    </row>
    <row r="252" spans="1:23" s="11" customFormat="1" ht="15.5">
      <c r="A252" s="70">
        <v>439330031</v>
      </c>
      <c r="B252" s="67" t="s">
        <v>820</v>
      </c>
      <c r="C252" s="63" t="s">
        <v>821</v>
      </c>
      <c r="D252" s="65" t="s">
        <v>124</v>
      </c>
      <c r="E252" s="67" t="s">
        <v>81</v>
      </c>
      <c r="F252" s="48" t="s">
        <v>822</v>
      </c>
      <c r="G252" s="12" t="s">
        <v>389</v>
      </c>
      <c r="H252" s="6"/>
      <c r="I252" s="6"/>
      <c r="J252" s="6" t="s">
        <v>517</v>
      </c>
      <c r="K252" s="13" t="s">
        <v>642</v>
      </c>
      <c r="L252" s="6"/>
      <c r="M252" s="6"/>
      <c r="N252" s="6" t="s">
        <v>360</v>
      </c>
      <c r="O252" s="6" t="s">
        <v>410</v>
      </c>
      <c r="P252" s="13">
        <v>200</v>
      </c>
      <c r="Q252" s="6">
        <v>350</v>
      </c>
      <c r="R252" s="6" t="s">
        <v>35</v>
      </c>
      <c r="S252" s="6"/>
      <c r="T252" s="6" t="s">
        <v>30</v>
      </c>
      <c r="U252" s="6"/>
      <c r="V252" s="3" t="s">
        <v>36</v>
      </c>
      <c r="W252" s="6" t="s">
        <v>823</v>
      </c>
    </row>
    <row r="253" spans="1:23" s="11" customFormat="1" ht="15.5">
      <c r="A253" s="70">
        <v>439330034</v>
      </c>
      <c r="B253" s="67" t="s">
        <v>820</v>
      </c>
      <c r="C253" s="63" t="s">
        <v>824</v>
      </c>
      <c r="D253" s="65" t="s">
        <v>124</v>
      </c>
      <c r="E253" s="67" t="s">
        <v>81</v>
      </c>
      <c r="F253" s="48" t="s">
        <v>822</v>
      </c>
      <c r="G253" s="12" t="s">
        <v>389</v>
      </c>
      <c r="H253" s="6"/>
      <c r="I253" s="6"/>
      <c r="J253" s="6" t="s">
        <v>517</v>
      </c>
      <c r="K253" s="13" t="s">
        <v>642</v>
      </c>
      <c r="L253" s="6"/>
      <c r="M253" s="6"/>
      <c r="N253" s="6" t="s">
        <v>360</v>
      </c>
      <c r="O253" s="6" t="s">
        <v>410</v>
      </c>
      <c r="P253" s="13">
        <v>200</v>
      </c>
      <c r="Q253" s="6">
        <v>350</v>
      </c>
      <c r="R253" s="6" t="s">
        <v>35</v>
      </c>
      <c r="S253" s="6"/>
      <c r="T253" s="6" t="s">
        <v>30</v>
      </c>
      <c r="U253" s="6"/>
      <c r="V253" s="3" t="s">
        <v>36</v>
      </c>
      <c r="W253" s="6" t="s">
        <v>823</v>
      </c>
    </row>
    <row r="254" spans="1:23" s="11" customFormat="1" ht="15.5">
      <c r="A254" s="70">
        <v>439330030</v>
      </c>
      <c r="B254" s="67" t="s">
        <v>820</v>
      </c>
      <c r="C254" s="63" t="s">
        <v>825</v>
      </c>
      <c r="D254" s="65" t="s">
        <v>124</v>
      </c>
      <c r="E254" s="67" t="s">
        <v>81</v>
      </c>
      <c r="F254" s="48" t="s">
        <v>826</v>
      </c>
      <c r="G254" s="12" t="s">
        <v>827</v>
      </c>
      <c r="H254" s="6"/>
      <c r="I254" s="6"/>
      <c r="J254" s="6" t="s">
        <v>517</v>
      </c>
      <c r="K254" s="13" t="s">
        <v>642</v>
      </c>
      <c r="L254" s="6"/>
      <c r="M254" s="6"/>
      <c r="N254" s="6" t="s">
        <v>360</v>
      </c>
      <c r="O254" s="6" t="s">
        <v>410</v>
      </c>
      <c r="P254" s="13">
        <v>150</v>
      </c>
      <c r="Q254" s="6">
        <v>250</v>
      </c>
      <c r="R254" s="6" t="s">
        <v>35</v>
      </c>
      <c r="S254" s="6"/>
      <c r="T254" s="6" t="s">
        <v>30</v>
      </c>
      <c r="U254" s="6"/>
      <c r="V254" s="3" t="s">
        <v>36</v>
      </c>
      <c r="W254" s="6" t="s">
        <v>823</v>
      </c>
    </row>
    <row r="255" spans="1:23" s="11" customFormat="1" ht="15.5">
      <c r="A255" s="70">
        <v>443310001</v>
      </c>
      <c r="B255" s="67" t="s">
        <v>820</v>
      </c>
      <c r="C255" s="63" t="s">
        <v>828</v>
      </c>
      <c r="D255" s="64" t="s">
        <v>125</v>
      </c>
      <c r="E255" s="67" t="s">
        <v>81</v>
      </c>
      <c r="F255" s="48" t="s">
        <v>829</v>
      </c>
      <c r="G255" s="12" t="s">
        <v>389</v>
      </c>
      <c r="H255" s="6"/>
      <c r="I255" s="6"/>
      <c r="J255" s="6" t="s">
        <v>517</v>
      </c>
      <c r="K255" s="13" t="s">
        <v>642</v>
      </c>
      <c r="L255" s="6"/>
      <c r="M255" s="6"/>
      <c r="N255" s="6" t="s">
        <v>360</v>
      </c>
      <c r="O255" s="6" t="s">
        <v>410</v>
      </c>
      <c r="P255" s="13">
        <v>200</v>
      </c>
      <c r="Q255" s="6">
        <v>350</v>
      </c>
      <c r="R255" s="6" t="s">
        <v>35</v>
      </c>
      <c r="S255" s="6"/>
      <c r="T255" s="6" t="s">
        <v>30</v>
      </c>
      <c r="U255" s="6"/>
      <c r="V255" s="3" t="s">
        <v>36</v>
      </c>
      <c r="W255" s="6" t="s">
        <v>823</v>
      </c>
    </row>
    <row r="256" spans="1:23" s="11" customFormat="1" ht="15.5">
      <c r="A256" s="70">
        <v>337340079</v>
      </c>
      <c r="B256" s="67"/>
      <c r="C256" s="63" t="s">
        <v>830</v>
      </c>
      <c r="D256" s="65" t="s">
        <v>126</v>
      </c>
      <c r="E256" s="67" t="s">
        <v>831</v>
      </c>
      <c r="F256" s="48" t="s">
        <v>832</v>
      </c>
      <c r="G256" s="12" t="s">
        <v>389</v>
      </c>
      <c r="H256" s="6"/>
      <c r="I256" s="6"/>
      <c r="J256" s="6" t="s">
        <v>517</v>
      </c>
      <c r="K256" s="13" t="s">
        <v>547</v>
      </c>
      <c r="L256" s="6"/>
      <c r="M256" s="6"/>
      <c r="N256" s="6" t="s">
        <v>360</v>
      </c>
      <c r="O256" s="6" t="s">
        <v>410</v>
      </c>
      <c r="P256" s="13">
        <v>170</v>
      </c>
      <c r="Q256" s="6">
        <v>499</v>
      </c>
      <c r="R256" s="6" t="s">
        <v>35</v>
      </c>
      <c r="S256" s="6"/>
      <c r="T256" s="6" t="s">
        <v>30</v>
      </c>
      <c r="U256" s="6"/>
      <c r="V256" s="3" t="s">
        <v>36</v>
      </c>
      <c r="W256" s="6" t="s">
        <v>833</v>
      </c>
    </row>
    <row r="257" spans="1:23" s="11" customFormat="1" ht="15.5">
      <c r="A257" s="70">
        <v>337340072</v>
      </c>
      <c r="B257" s="67"/>
      <c r="C257" s="63" t="s">
        <v>834</v>
      </c>
      <c r="D257" s="65" t="s">
        <v>126</v>
      </c>
      <c r="E257" s="67" t="s">
        <v>831</v>
      </c>
      <c r="F257" s="48" t="s">
        <v>832</v>
      </c>
      <c r="G257" s="12" t="s">
        <v>389</v>
      </c>
      <c r="H257" s="6"/>
      <c r="I257" s="6"/>
      <c r="J257" s="6" t="s">
        <v>517</v>
      </c>
      <c r="K257" s="13" t="s">
        <v>547</v>
      </c>
      <c r="L257" s="6"/>
      <c r="M257" s="6"/>
      <c r="N257" s="6" t="s">
        <v>360</v>
      </c>
      <c r="O257" s="6" t="s">
        <v>410</v>
      </c>
      <c r="P257" s="13">
        <v>330</v>
      </c>
      <c r="Q257" s="6">
        <v>899</v>
      </c>
      <c r="R257" s="6" t="s">
        <v>35</v>
      </c>
      <c r="S257" s="6"/>
      <c r="T257" s="6" t="s">
        <v>30</v>
      </c>
      <c r="U257" s="6"/>
      <c r="V257" s="3" t="s">
        <v>36</v>
      </c>
      <c r="W257" s="6" t="s">
        <v>833</v>
      </c>
    </row>
    <row r="258" spans="1:23" s="11" customFormat="1" ht="15.5">
      <c r="A258" s="70">
        <v>337330088</v>
      </c>
      <c r="B258" s="67" t="s">
        <v>369</v>
      </c>
      <c r="C258" s="63" t="s">
        <v>835</v>
      </c>
      <c r="D258" s="65" t="s">
        <v>124</v>
      </c>
      <c r="E258" s="67" t="s">
        <v>27</v>
      </c>
      <c r="F258" s="48" t="s">
        <v>836</v>
      </c>
      <c r="G258" s="12" t="s">
        <v>837</v>
      </c>
      <c r="H258" s="6"/>
      <c r="I258" s="6"/>
      <c r="J258" s="6" t="s">
        <v>517</v>
      </c>
      <c r="K258" s="13" t="s">
        <v>642</v>
      </c>
      <c r="L258" s="6"/>
      <c r="M258" s="6"/>
      <c r="N258" s="6" t="s">
        <v>360</v>
      </c>
      <c r="O258" s="6" t="s">
        <v>410</v>
      </c>
      <c r="P258" s="13">
        <v>200</v>
      </c>
      <c r="Q258" s="6">
        <v>350</v>
      </c>
      <c r="R258" s="6" t="s">
        <v>35</v>
      </c>
      <c r="S258" s="6"/>
      <c r="T258" s="6" t="s">
        <v>30</v>
      </c>
      <c r="U258" s="6"/>
      <c r="V258" s="3" t="s">
        <v>36</v>
      </c>
      <c r="W258" s="6" t="s">
        <v>375</v>
      </c>
    </row>
    <row r="259" spans="1:23" s="11" customFormat="1" ht="15.5">
      <c r="A259" s="70">
        <v>337330105</v>
      </c>
      <c r="B259" s="67" t="s">
        <v>369</v>
      </c>
      <c r="C259" s="63" t="s">
        <v>838</v>
      </c>
      <c r="D259" s="65" t="s">
        <v>124</v>
      </c>
      <c r="E259" s="67" t="s">
        <v>266</v>
      </c>
      <c r="F259" s="48" t="s">
        <v>839</v>
      </c>
      <c r="G259" s="12" t="s">
        <v>645</v>
      </c>
      <c r="H259" s="6"/>
      <c r="I259" s="6"/>
      <c r="J259" s="6" t="s">
        <v>517</v>
      </c>
      <c r="K259" s="13" t="s">
        <v>642</v>
      </c>
      <c r="L259" s="6"/>
      <c r="M259" s="6"/>
      <c r="N259" s="6" t="s">
        <v>360</v>
      </c>
      <c r="O259" s="6" t="s">
        <v>410</v>
      </c>
      <c r="P259" s="13">
        <v>500</v>
      </c>
      <c r="Q259" s="6">
        <v>790</v>
      </c>
      <c r="R259" s="6" t="s">
        <v>35</v>
      </c>
      <c r="S259" s="6"/>
      <c r="T259" s="6" t="s">
        <v>30</v>
      </c>
      <c r="U259" s="6"/>
      <c r="V259" s="3" t="s">
        <v>36</v>
      </c>
      <c r="W259" s="6" t="s">
        <v>375</v>
      </c>
    </row>
    <row r="260" spans="1:23" s="11" customFormat="1" ht="15.5">
      <c r="A260" s="70">
        <v>337330106</v>
      </c>
      <c r="B260" s="67" t="s">
        <v>369</v>
      </c>
      <c r="C260" s="63" t="s">
        <v>840</v>
      </c>
      <c r="D260" s="65" t="s">
        <v>124</v>
      </c>
      <c r="E260" s="67" t="s">
        <v>27</v>
      </c>
      <c r="F260" s="48" t="s">
        <v>841</v>
      </c>
      <c r="G260" s="12" t="s">
        <v>654</v>
      </c>
      <c r="H260" s="6"/>
      <c r="I260" s="6"/>
      <c r="J260" s="6" t="s">
        <v>517</v>
      </c>
      <c r="K260" s="13" t="s">
        <v>642</v>
      </c>
      <c r="L260" s="6"/>
      <c r="M260" s="6"/>
      <c r="N260" s="6" t="s">
        <v>360</v>
      </c>
      <c r="O260" s="6" t="s">
        <v>410</v>
      </c>
      <c r="P260" s="13">
        <v>650</v>
      </c>
      <c r="Q260" s="6">
        <v>850</v>
      </c>
      <c r="R260" s="6" t="s">
        <v>35</v>
      </c>
      <c r="S260" s="6"/>
      <c r="T260" s="6" t="s">
        <v>30</v>
      </c>
      <c r="U260" s="6"/>
      <c r="V260" s="3" t="s">
        <v>36</v>
      </c>
      <c r="W260" s="6" t="s">
        <v>375</v>
      </c>
    </row>
    <row r="261" spans="1:23" s="11" customFormat="1" ht="15.5">
      <c r="A261" s="70">
        <v>334340018</v>
      </c>
      <c r="B261" s="67"/>
      <c r="C261" s="63" t="s">
        <v>842</v>
      </c>
      <c r="D261" s="65" t="s">
        <v>124</v>
      </c>
      <c r="E261" s="67" t="s">
        <v>81</v>
      </c>
      <c r="F261" s="48" t="s">
        <v>843</v>
      </c>
      <c r="G261" s="12" t="s">
        <v>844</v>
      </c>
      <c r="H261" s="6"/>
      <c r="I261" s="6"/>
      <c r="J261" s="6" t="s">
        <v>517</v>
      </c>
      <c r="K261" s="13" t="s">
        <v>642</v>
      </c>
      <c r="L261" s="6"/>
      <c r="M261" s="6"/>
      <c r="N261" s="6" t="s">
        <v>360</v>
      </c>
      <c r="O261" s="6" t="s">
        <v>410</v>
      </c>
      <c r="P261" s="13">
        <v>70</v>
      </c>
      <c r="Q261" s="6">
        <v>120</v>
      </c>
      <c r="R261" s="6" t="s">
        <v>35</v>
      </c>
      <c r="S261" s="6"/>
      <c r="T261" s="6" t="s">
        <v>30</v>
      </c>
      <c r="U261" s="6"/>
      <c r="V261" s="3" t="s">
        <v>36</v>
      </c>
      <c r="W261" s="6" t="s">
        <v>845</v>
      </c>
    </row>
    <row r="262" spans="1:23" s="11" customFormat="1" ht="15.5">
      <c r="A262" s="70">
        <v>334340019</v>
      </c>
      <c r="B262" s="67"/>
      <c r="C262" s="63" t="s">
        <v>846</v>
      </c>
      <c r="D262" s="65" t="s">
        <v>124</v>
      </c>
      <c r="E262" s="67" t="s">
        <v>81</v>
      </c>
      <c r="F262" s="48" t="s">
        <v>847</v>
      </c>
      <c r="G262" s="12" t="s">
        <v>844</v>
      </c>
      <c r="H262" s="6"/>
      <c r="I262" s="6"/>
      <c r="J262" s="6" t="s">
        <v>517</v>
      </c>
      <c r="K262" s="13" t="s">
        <v>642</v>
      </c>
      <c r="L262" s="6"/>
      <c r="M262" s="6"/>
      <c r="N262" s="6" t="s">
        <v>360</v>
      </c>
      <c r="O262" s="6" t="s">
        <v>410</v>
      </c>
      <c r="P262" s="13">
        <v>85</v>
      </c>
      <c r="Q262" s="6">
        <v>150</v>
      </c>
      <c r="R262" s="6" t="s">
        <v>35</v>
      </c>
      <c r="S262" s="6"/>
      <c r="T262" s="6" t="s">
        <v>30</v>
      </c>
      <c r="U262" s="6"/>
      <c r="V262" s="3" t="s">
        <v>36</v>
      </c>
      <c r="W262" s="6" t="s">
        <v>845</v>
      </c>
    </row>
    <row r="263" spans="1:23" s="11" customFormat="1" ht="15.5">
      <c r="A263" s="70">
        <v>550330059</v>
      </c>
      <c r="B263" s="67"/>
      <c r="C263" s="63" t="s">
        <v>848</v>
      </c>
      <c r="D263" s="65" t="s">
        <v>124</v>
      </c>
      <c r="E263" s="67" t="s">
        <v>27</v>
      </c>
      <c r="F263" s="48" t="s">
        <v>849</v>
      </c>
      <c r="G263" s="12" t="s">
        <v>850</v>
      </c>
      <c r="H263" s="6"/>
      <c r="I263" s="6"/>
      <c r="J263" s="6" t="s">
        <v>517</v>
      </c>
      <c r="K263" s="13" t="s">
        <v>642</v>
      </c>
      <c r="L263" s="6"/>
      <c r="M263" s="6"/>
      <c r="N263" s="6" t="s">
        <v>360</v>
      </c>
      <c r="O263" s="6" t="s">
        <v>410</v>
      </c>
      <c r="P263" s="13">
        <v>30</v>
      </c>
      <c r="Q263" s="6">
        <v>50</v>
      </c>
      <c r="R263" s="6" t="s">
        <v>35</v>
      </c>
      <c r="S263" s="6"/>
      <c r="T263" s="6" t="s">
        <v>30</v>
      </c>
      <c r="U263" s="6"/>
      <c r="V263" s="3" t="s">
        <v>36</v>
      </c>
      <c r="W263" s="6" t="s">
        <v>851</v>
      </c>
    </row>
    <row r="264" spans="1:23" s="11" customFormat="1" ht="15.5">
      <c r="A264" s="70">
        <v>550340060</v>
      </c>
      <c r="B264" s="67"/>
      <c r="C264" s="63" t="s">
        <v>852</v>
      </c>
      <c r="D264" s="65" t="s">
        <v>126</v>
      </c>
      <c r="E264" s="67" t="s">
        <v>388</v>
      </c>
      <c r="F264" s="48" t="s">
        <v>853</v>
      </c>
      <c r="G264" s="12" t="s">
        <v>819</v>
      </c>
      <c r="H264" s="6"/>
      <c r="I264" s="6"/>
      <c r="J264" s="6" t="s">
        <v>517</v>
      </c>
      <c r="K264" s="13" t="s">
        <v>642</v>
      </c>
      <c r="L264" s="6"/>
      <c r="M264" s="6"/>
      <c r="N264" s="6" t="s">
        <v>360</v>
      </c>
      <c r="O264" s="6" t="s">
        <v>410</v>
      </c>
      <c r="P264" s="13">
        <v>40</v>
      </c>
      <c r="Q264" s="6">
        <v>79</v>
      </c>
      <c r="R264" s="6" t="s">
        <v>35</v>
      </c>
      <c r="S264" s="6"/>
      <c r="T264" s="6" t="s">
        <v>30</v>
      </c>
      <c r="U264" s="6"/>
      <c r="V264" s="3" t="s">
        <v>36</v>
      </c>
      <c r="W264" s="6" t="s">
        <v>851</v>
      </c>
    </row>
    <row r="265" spans="1:23" s="11" customFormat="1" ht="15.5">
      <c r="A265" s="70">
        <v>556130020</v>
      </c>
      <c r="B265" s="67"/>
      <c r="C265" s="63" t="s">
        <v>854</v>
      </c>
      <c r="D265" s="65" t="s">
        <v>124</v>
      </c>
      <c r="E265" s="67" t="s">
        <v>27</v>
      </c>
      <c r="F265" s="48" t="s">
        <v>855</v>
      </c>
      <c r="G265" s="12" t="s">
        <v>856</v>
      </c>
      <c r="H265" s="6"/>
      <c r="I265" s="6"/>
      <c r="J265" s="6" t="s">
        <v>127</v>
      </c>
      <c r="K265" s="13" t="s">
        <v>355</v>
      </c>
      <c r="L265" s="6"/>
      <c r="M265" s="6"/>
      <c r="N265" s="6" t="s">
        <v>360</v>
      </c>
      <c r="O265" s="6" t="s">
        <v>410</v>
      </c>
      <c r="P265" s="13">
        <v>450</v>
      </c>
      <c r="Q265" s="6">
        <v>650</v>
      </c>
      <c r="R265" s="6" t="s">
        <v>35</v>
      </c>
      <c r="S265" s="6"/>
      <c r="T265" s="6" t="s">
        <v>30</v>
      </c>
      <c r="U265" s="6"/>
      <c r="V265" s="3" t="s">
        <v>36</v>
      </c>
      <c r="W265" s="6" t="s">
        <v>698</v>
      </c>
    </row>
    <row r="266" spans="1:23" s="11" customFormat="1" ht="15.5">
      <c r="A266" s="70">
        <v>556130025</v>
      </c>
      <c r="B266" s="67"/>
      <c r="C266" s="63" t="s">
        <v>857</v>
      </c>
      <c r="D266" s="65" t="s">
        <v>124</v>
      </c>
      <c r="E266" s="67" t="s">
        <v>27</v>
      </c>
      <c r="F266" s="48" t="s">
        <v>858</v>
      </c>
      <c r="G266" s="12" t="s">
        <v>859</v>
      </c>
      <c r="H266" s="6"/>
      <c r="I266" s="6"/>
      <c r="J266" s="6" t="s">
        <v>127</v>
      </c>
      <c r="K266" s="13" t="s">
        <v>355</v>
      </c>
      <c r="L266" s="6"/>
      <c r="M266" s="6"/>
      <c r="N266" s="6" t="s">
        <v>360</v>
      </c>
      <c r="O266" s="6" t="s">
        <v>410</v>
      </c>
      <c r="P266" s="13">
        <v>300</v>
      </c>
      <c r="Q266" s="6">
        <v>750</v>
      </c>
      <c r="R266" s="6" t="s">
        <v>35</v>
      </c>
      <c r="S266" s="6"/>
      <c r="T266" s="6" t="s">
        <v>30</v>
      </c>
      <c r="U266" s="6"/>
      <c r="V266" s="3" t="s">
        <v>36</v>
      </c>
      <c r="W266" s="6" t="s">
        <v>698</v>
      </c>
    </row>
    <row r="267" spans="1:23" s="11" customFormat="1" ht="15.5">
      <c r="A267" s="70">
        <v>558340005</v>
      </c>
      <c r="B267" s="67"/>
      <c r="C267" s="63" t="s">
        <v>860</v>
      </c>
      <c r="D267" s="65" t="s">
        <v>126</v>
      </c>
      <c r="E267" s="67" t="s">
        <v>388</v>
      </c>
      <c r="F267" s="48" t="s">
        <v>861</v>
      </c>
      <c r="G267" s="12" t="s">
        <v>862</v>
      </c>
      <c r="H267" s="6"/>
      <c r="I267" s="6"/>
      <c r="J267" s="6" t="s">
        <v>517</v>
      </c>
      <c r="K267" s="13" t="s">
        <v>642</v>
      </c>
      <c r="L267" s="6"/>
      <c r="M267" s="6"/>
      <c r="N267" s="6" t="s">
        <v>360</v>
      </c>
      <c r="O267" s="6" t="s">
        <v>410</v>
      </c>
      <c r="P267" s="13">
        <v>35</v>
      </c>
      <c r="Q267" s="6">
        <v>59</v>
      </c>
      <c r="R267" s="6" t="s">
        <v>35</v>
      </c>
      <c r="S267" s="6"/>
      <c r="T267" s="6" t="s">
        <v>30</v>
      </c>
      <c r="U267" s="6"/>
      <c r="V267" s="3" t="s">
        <v>36</v>
      </c>
      <c r="W267" s="6" t="s">
        <v>863</v>
      </c>
    </row>
    <row r="268" spans="1:23" s="11" customFormat="1" ht="15.5">
      <c r="A268" s="70">
        <v>564330030</v>
      </c>
      <c r="B268" s="67"/>
      <c r="C268" s="63" t="s">
        <v>864</v>
      </c>
      <c r="D268" s="65" t="s">
        <v>124</v>
      </c>
      <c r="E268" s="67" t="s">
        <v>266</v>
      </c>
      <c r="F268" s="48" t="s">
        <v>865</v>
      </c>
      <c r="G268" s="12" t="s">
        <v>866</v>
      </c>
      <c r="H268" s="6"/>
      <c r="I268" s="6"/>
      <c r="J268" s="6" t="s">
        <v>517</v>
      </c>
      <c r="K268" s="13" t="s">
        <v>642</v>
      </c>
      <c r="L268" s="6"/>
      <c r="M268" s="6"/>
      <c r="N268" s="6" t="s">
        <v>360</v>
      </c>
      <c r="O268" s="6" t="s">
        <v>410</v>
      </c>
      <c r="P268" s="13">
        <v>350</v>
      </c>
      <c r="Q268" s="6">
        <v>450</v>
      </c>
      <c r="R268" s="6" t="s">
        <v>35</v>
      </c>
      <c r="S268" s="6"/>
      <c r="T268" s="6" t="s">
        <v>30</v>
      </c>
      <c r="U268" s="6"/>
      <c r="V268" s="3" t="s">
        <v>36</v>
      </c>
      <c r="W268" s="6" t="s">
        <v>361</v>
      </c>
    </row>
    <row r="269" spans="1:23" s="11" customFormat="1" ht="15.5">
      <c r="A269" s="70">
        <v>777330019</v>
      </c>
      <c r="B269" s="67"/>
      <c r="C269" s="63" t="s">
        <v>867</v>
      </c>
      <c r="D269" s="65" t="s">
        <v>124</v>
      </c>
      <c r="E269" s="67" t="s">
        <v>266</v>
      </c>
      <c r="F269" s="48" t="s">
        <v>868</v>
      </c>
      <c r="G269" s="12" t="s">
        <v>869</v>
      </c>
      <c r="H269" s="6"/>
      <c r="I269" s="6"/>
      <c r="J269" s="6" t="s">
        <v>517</v>
      </c>
      <c r="K269" s="13" t="s">
        <v>642</v>
      </c>
      <c r="L269" s="6"/>
      <c r="M269" s="6"/>
      <c r="N269" s="6" t="s">
        <v>360</v>
      </c>
      <c r="O269" s="6" t="s">
        <v>410</v>
      </c>
      <c r="P269" s="13">
        <v>850</v>
      </c>
      <c r="Q269" s="21">
        <v>1090</v>
      </c>
      <c r="R269" s="6" t="s">
        <v>35</v>
      </c>
      <c r="S269" s="6"/>
      <c r="T269" s="6" t="s">
        <v>30</v>
      </c>
      <c r="U269" s="6"/>
      <c r="V269" s="3" t="s">
        <v>36</v>
      </c>
      <c r="W269" s="6" t="s">
        <v>870</v>
      </c>
    </row>
    <row r="270" spans="1:23" s="11" customFormat="1" ht="15.5">
      <c r="A270" s="70">
        <v>777330023</v>
      </c>
      <c r="B270" s="67"/>
      <c r="C270" s="63" t="s">
        <v>871</v>
      </c>
      <c r="D270" s="65" t="s">
        <v>124</v>
      </c>
      <c r="E270" s="67" t="s">
        <v>27</v>
      </c>
      <c r="F270" s="48" t="s">
        <v>872</v>
      </c>
      <c r="G270" s="32" t="s">
        <v>873</v>
      </c>
      <c r="H270" s="6"/>
      <c r="I270" s="6"/>
      <c r="J270" s="6" t="s">
        <v>517</v>
      </c>
      <c r="K270" s="13" t="s">
        <v>547</v>
      </c>
      <c r="L270" s="6"/>
      <c r="M270" s="6"/>
      <c r="N270" s="6" t="s">
        <v>360</v>
      </c>
      <c r="O270" s="6" t="s">
        <v>410</v>
      </c>
      <c r="P270" s="13">
        <v>850</v>
      </c>
      <c r="Q270" s="6">
        <v>990</v>
      </c>
      <c r="R270" s="6" t="s">
        <v>35</v>
      </c>
      <c r="S270" s="6"/>
      <c r="T270" s="6" t="s">
        <v>30</v>
      </c>
      <c r="U270" s="6"/>
      <c r="V270" s="3" t="s">
        <v>36</v>
      </c>
      <c r="W270" s="6" t="s">
        <v>870</v>
      </c>
    </row>
    <row r="271" spans="1:23" s="11" customFormat="1" ht="15.5">
      <c r="A271" s="70">
        <v>894340039</v>
      </c>
      <c r="B271" s="67"/>
      <c r="C271" s="63" t="s">
        <v>874</v>
      </c>
      <c r="D271" s="65" t="s">
        <v>126</v>
      </c>
      <c r="E271" s="67" t="s">
        <v>393</v>
      </c>
      <c r="F271" s="48" t="s">
        <v>875</v>
      </c>
      <c r="G271" s="12" t="s">
        <v>876</v>
      </c>
      <c r="H271" s="6"/>
      <c r="I271" s="6"/>
      <c r="J271" s="6" t="s">
        <v>517</v>
      </c>
      <c r="K271" s="13" t="s">
        <v>642</v>
      </c>
      <c r="L271" s="6"/>
      <c r="M271" s="6"/>
      <c r="N271" s="6" t="s">
        <v>360</v>
      </c>
      <c r="O271" s="6" t="s">
        <v>410</v>
      </c>
      <c r="P271" s="13">
        <v>130</v>
      </c>
      <c r="Q271" s="6">
        <v>200</v>
      </c>
      <c r="R271" s="6" t="s">
        <v>35</v>
      </c>
      <c r="S271" s="6"/>
      <c r="T271" s="6" t="s">
        <v>30</v>
      </c>
      <c r="U271" s="6"/>
      <c r="V271" s="3" t="s">
        <v>36</v>
      </c>
      <c r="W271" s="6" t="s">
        <v>718</v>
      </c>
    </row>
    <row r="272" spans="1:23" s="11" customFormat="1" ht="15.5">
      <c r="A272" s="70">
        <v>894230005</v>
      </c>
      <c r="B272" s="67"/>
      <c r="C272" s="63" t="s">
        <v>877</v>
      </c>
      <c r="D272" s="65" t="s">
        <v>124</v>
      </c>
      <c r="E272" s="67" t="s">
        <v>27</v>
      </c>
      <c r="F272" s="48" t="s">
        <v>878</v>
      </c>
      <c r="G272" s="12" t="s">
        <v>879</v>
      </c>
      <c r="H272" s="6"/>
      <c r="I272" s="6"/>
      <c r="J272" s="6" t="s">
        <v>517</v>
      </c>
      <c r="K272" s="13" t="s">
        <v>355</v>
      </c>
      <c r="L272" s="6"/>
      <c r="M272" s="6"/>
      <c r="N272" s="6" t="s">
        <v>360</v>
      </c>
      <c r="O272" s="6" t="s">
        <v>410</v>
      </c>
      <c r="P272" s="13">
        <v>390</v>
      </c>
      <c r="Q272" s="6">
        <v>490</v>
      </c>
      <c r="R272" s="6" t="s">
        <v>35</v>
      </c>
      <c r="S272" s="6"/>
      <c r="T272" s="6" t="s">
        <v>30</v>
      </c>
      <c r="U272" s="6"/>
      <c r="V272" s="3" t="s">
        <v>36</v>
      </c>
      <c r="W272" s="6" t="s">
        <v>699</v>
      </c>
    </row>
    <row r="273" spans="1:23" s="11" customFormat="1" ht="15.5">
      <c r="A273" s="70">
        <v>564330020</v>
      </c>
      <c r="B273" s="67"/>
      <c r="C273" s="63" t="s">
        <v>880</v>
      </c>
      <c r="D273" s="65" t="s">
        <v>124</v>
      </c>
      <c r="E273" s="67" t="s">
        <v>266</v>
      </c>
      <c r="F273" s="48" t="s">
        <v>881</v>
      </c>
      <c r="G273" s="12" t="s">
        <v>645</v>
      </c>
      <c r="H273" s="6"/>
      <c r="I273" s="6"/>
      <c r="J273" s="6" t="s">
        <v>517</v>
      </c>
      <c r="K273" s="13" t="s">
        <v>342</v>
      </c>
      <c r="L273" s="6"/>
      <c r="M273" s="6"/>
      <c r="N273" s="6" t="s">
        <v>360</v>
      </c>
      <c r="O273" s="6" t="s">
        <v>410</v>
      </c>
      <c r="P273" s="13">
        <v>250</v>
      </c>
      <c r="Q273" s="6">
        <v>379</v>
      </c>
      <c r="R273" s="6" t="s">
        <v>35</v>
      </c>
      <c r="S273" s="6"/>
      <c r="T273" s="6" t="s">
        <v>30</v>
      </c>
      <c r="U273" s="6"/>
      <c r="V273" s="3" t="s">
        <v>36</v>
      </c>
      <c r="W273" s="6" t="s">
        <v>361</v>
      </c>
    </row>
    <row r="274" spans="1:23" s="11" customFormat="1" ht="15.5">
      <c r="A274" s="70">
        <v>112330004</v>
      </c>
      <c r="B274" s="67"/>
      <c r="C274" s="63" t="s">
        <v>882</v>
      </c>
      <c r="D274" s="65" t="s">
        <v>124</v>
      </c>
      <c r="E274" s="67" t="s">
        <v>27</v>
      </c>
      <c r="F274" s="48" t="s">
        <v>471</v>
      </c>
      <c r="G274" s="12" t="s">
        <v>883</v>
      </c>
      <c r="H274" s="6"/>
      <c r="I274" s="6"/>
      <c r="J274" s="6" t="s">
        <v>517</v>
      </c>
      <c r="K274" s="13" t="s">
        <v>342</v>
      </c>
      <c r="L274" s="6"/>
      <c r="M274" s="6"/>
      <c r="N274" s="6" t="s">
        <v>360</v>
      </c>
      <c r="O274" s="6" t="s">
        <v>410</v>
      </c>
      <c r="P274" s="13">
        <v>350</v>
      </c>
      <c r="Q274" s="6">
        <v>490</v>
      </c>
      <c r="R274" s="6" t="s">
        <v>35</v>
      </c>
      <c r="S274" s="6"/>
      <c r="T274" s="6" t="s">
        <v>30</v>
      </c>
      <c r="U274" s="6"/>
      <c r="V274" s="3" t="s">
        <v>36</v>
      </c>
      <c r="W274" s="6" t="s">
        <v>701</v>
      </c>
    </row>
    <row r="275" spans="1:23" s="11" customFormat="1" ht="15.5">
      <c r="A275" s="70">
        <v>112330005</v>
      </c>
      <c r="B275" s="67"/>
      <c r="C275" s="63" t="s">
        <v>884</v>
      </c>
      <c r="D275" s="65" t="s">
        <v>124</v>
      </c>
      <c r="E275" s="67" t="s">
        <v>266</v>
      </c>
      <c r="F275" s="48" t="s">
        <v>885</v>
      </c>
      <c r="G275" s="12" t="s">
        <v>645</v>
      </c>
      <c r="H275" s="6"/>
      <c r="I275" s="6"/>
      <c r="J275" s="6" t="s">
        <v>517</v>
      </c>
      <c r="K275" s="13" t="s">
        <v>342</v>
      </c>
      <c r="L275" s="6"/>
      <c r="M275" s="6"/>
      <c r="N275" s="6" t="s">
        <v>360</v>
      </c>
      <c r="O275" s="6" t="s">
        <v>410</v>
      </c>
      <c r="P275" s="13">
        <v>300</v>
      </c>
      <c r="Q275" s="6">
        <v>450</v>
      </c>
      <c r="R275" s="6" t="s">
        <v>35</v>
      </c>
      <c r="S275" s="6"/>
      <c r="T275" s="6" t="s">
        <v>30</v>
      </c>
      <c r="U275" s="6"/>
      <c r="V275" s="3" t="s">
        <v>36</v>
      </c>
      <c r="W275" s="6" t="s">
        <v>701</v>
      </c>
    </row>
    <row r="276" spans="1:23" s="11" customFormat="1" ht="15.5">
      <c r="A276" s="70">
        <v>112330006</v>
      </c>
      <c r="B276" s="67"/>
      <c r="C276" s="63" t="s">
        <v>886</v>
      </c>
      <c r="D276" s="65" t="s">
        <v>124</v>
      </c>
      <c r="E276" s="67" t="s">
        <v>266</v>
      </c>
      <c r="F276" s="48" t="s">
        <v>887</v>
      </c>
      <c r="G276" s="12" t="s">
        <v>645</v>
      </c>
      <c r="H276" s="6"/>
      <c r="I276" s="6"/>
      <c r="J276" s="6" t="s">
        <v>517</v>
      </c>
      <c r="K276" s="13" t="s">
        <v>342</v>
      </c>
      <c r="L276" s="6"/>
      <c r="M276" s="6"/>
      <c r="N276" s="6" t="s">
        <v>360</v>
      </c>
      <c r="O276" s="6" t="s">
        <v>410</v>
      </c>
      <c r="P276" s="13">
        <v>370</v>
      </c>
      <c r="Q276" s="6">
        <v>550</v>
      </c>
      <c r="R276" s="6" t="s">
        <v>35</v>
      </c>
      <c r="S276" s="6"/>
      <c r="T276" s="6" t="s">
        <v>30</v>
      </c>
      <c r="U276" s="6"/>
      <c r="V276" s="3" t="s">
        <v>36</v>
      </c>
      <c r="W276" s="6" t="s">
        <v>701</v>
      </c>
    </row>
    <row r="277" spans="1:23" s="11" customFormat="1" ht="15.5">
      <c r="A277" s="70">
        <v>112330011</v>
      </c>
      <c r="B277" s="67"/>
      <c r="C277" s="63" t="s">
        <v>888</v>
      </c>
      <c r="D277" s="65" t="s">
        <v>124</v>
      </c>
      <c r="E277" s="67" t="s">
        <v>266</v>
      </c>
      <c r="F277" s="48" t="s">
        <v>889</v>
      </c>
      <c r="G277" s="12" t="s">
        <v>890</v>
      </c>
      <c r="H277" s="6"/>
      <c r="I277" s="6"/>
      <c r="J277" s="6" t="s">
        <v>517</v>
      </c>
      <c r="K277" s="13" t="s">
        <v>342</v>
      </c>
      <c r="L277" s="6"/>
      <c r="M277" s="6"/>
      <c r="N277" s="6" t="s">
        <v>360</v>
      </c>
      <c r="O277" s="6" t="s">
        <v>410</v>
      </c>
      <c r="P277" s="13">
        <v>650</v>
      </c>
      <c r="Q277" s="6">
        <v>850</v>
      </c>
      <c r="R277" s="6" t="s">
        <v>35</v>
      </c>
      <c r="S277" s="6"/>
      <c r="T277" s="6" t="s">
        <v>30</v>
      </c>
      <c r="U277" s="6"/>
      <c r="V277" s="3" t="s">
        <v>36</v>
      </c>
      <c r="W277" s="6" t="s">
        <v>701</v>
      </c>
    </row>
    <row r="278" spans="1:23" s="11" customFormat="1" ht="15.5">
      <c r="A278" s="70">
        <v>112330012</v>
      </c>
      <c r="B278" s="67"/>
      <c r="C278" s="63" t="s">
        <v>891</v>
      </c>
      <c r="D278" s="65" t="s">
        <v>124</v>
      </c>
      <c r="E278" s="67" t="s">
        <v>266</v>
      </c>
      <c r="F278" s="48" t="s">
        <v>889</v>
      </c>
      <c r="G278" s="12" t="s">
        <v>892</v>
      </c>
      <c r="H278" s="6"/>
      <c r="I278" s="6"/>
      <c r="J278" s="6" t="s">
        <v>517</v>
      </c>
      <c r="K278" s="13" t="s">
        <v>342</v>
      </c>
      <c r="L278" s="6"/>
      <c r="M278" s="6"/>
      <c r="N278" s="6" t="s">
        <v>360</v>
      </c>
      <c r="O278" s="6" t="s">
        <v>410</v>
      </c>
      <c r="P278" s="13">
        <v>350</v>
      </c>
      <c r="Q278" s="6">
        <v>550</v>
      </c>
      <c r="R278" s="6" t="s">
        <v>35</v>
      </c>
      <c r="S278" s="6"/>
      <c r="T278" s="6" t="s">
        <v>30</v>
      </c>
      <c r="U278" s="6"/>
      <c r="V278" s="3" t="s">
        <v>36</v>
      </c>
      <c r="W278" s="6" t="s">
        <v>701</v>
      </c>
    </row>
    <row r="279" spans="1:23" s="11" customFormat="1" ht="15.5">
      <c r="A279" s="70">
        <v>894340026</v>
      </c>
      <c r="B279" s="67"/>
      <c r="C279" s="63" t="s">
        <v>893</v>
      </c>
      <c r="D279" s="65" t="s">
        <v>126</v>
      </c>
      <c r="E279" s="67" t="s">
        <v>53</v>
      </c>
      <c r="F279" s="48" t="s">
        <v>894</v>
      </c>
      <c r="G279" s="12" t="s">
        <v>895</v>
      </c>
      <c r="H279" s="6"/>
      <c r="I279" s="6"/>
      <c r="J279" s="6" t="s">
        <v>517</v>
      </c>
      <c r="K279" s="13" t="s">
        <v>342</v>
      </c>
      <c r="L279" s="6"/>
      <c r="M279" s="6"/>
      <c r="N279" s="6" t="s">
        <v>360</v>
      </c>
      <c r="O279" s="6" t="s">
        <v>410</v>
      </c>
      <c r="P279" s="13">
        <v>96</v>
      </c>
      <c r="Q279" s="6">
        <v>300</v>
      </c>
      <c r="R279" s="6" t="s">
        <v>35</v>
      </c>
      <c r="S279" s="6"/>
      <c r="T279" s="6" t="s">
        <v>30</v>
      </c>
      <c r="U279" s="6"/>
      <c r="V279" s="3" t="s">
        <v>36</v>
      </c>
      <c r="W279" s="6" t="s">
        <v>718</v>
      </c>
    </row>
    <row r="280" spans="1:23" s="11" customFormat="1" ht="15.5">
      <c r="A280" s="70">
        <v>894340027</v>
      </c>
      <c r="B280" s="67"/>
      <c r="C280" s="63" t="s">
        <v>896</v>
      </c>
      <c r="D280" s="65" t="s">
        <v>126</v>
      </c>
      <c r="E280" s="67" t="s">
        <v>53</v>
      </c>
      <c r="F280" s="48" t="s">
        <v>897</v>
      </c>
      <c r="G280" s="12" t="s">
        <v>898</v>
      </c>
      <c r="H280" s="6"/>
      <c r="I280" s="6"/>
      <c r="J280" s="6" t="s">
        <v>517</v>
      </c>
      <c r="K280" s="13" t="s">
        <v>342</v>
      </c>
      <c r="L280" s="6"/>
      <c r="M280" s="6"/>
      <c r="N280" s="6" t="s">
        <v>360</v>
      </c>
      <c r="O280" s="6" t="s">
        <v>410</v>
      </c>
      <c r="P280" s="38">
        <v>148</v>
      </c>
      <c r="Q280" s="33">
        <v>200</v>
      </c>
      <c r="R280" s="6" t="s">
        <v>35</v>
      </c>
      <c r="S280" s="6"/>
      <c r="T280" s="6" t="s">
        <v>30</v>
      </c>
      <c r="U280" s="6"/>
      <c r="V280" s="3" t="s">
        <v>36</v>
      </c>
      <c r="W280" s="6" t="s">
        <v>718</v>
      </c>
    </row>
    <row r="281" spans="1:23" s="11" customFormat="1" ht="15.5">
      <c r="A281" s="70">
        <v>220340005</v>
      </c>
      <c r="B281" s="67"/>
      <c r="C281" s="63" t="s">
        <v>899</v>
      </c>
      <c r="D281" s="65" t="s">
        <v>126</v>
      </c>
      <c r="E281" s="67" t="s">
        <v>86</v>
      </c>
      <c r="F281" s="48" t="s">
        <v>731</v>
      </c>
      <c r="G281" s="12" t="s">
        <v>900</v>
      </c>
      <c r="H281" s="6"/>
      <c r="I281" s="6"/>
      <c r="J281" s="6" t="s">
        <v>517</v>
      </c>
      <c r="K281" s="13" t="s">
        <v>342</v>
      </c>
      <c r="L281" s="6"/>
      <c r="M281" s="6"/>
      <c r="N281" s="6" t="s">
        <v>360</v>
      </c>
      <c r="O281" s="6" t="s">
        <v>410</v>
      </c>
      <c r="P281" s="13">
        <v>45</v>
      </c>
      <c r="Q281" s="6">
        <v>69</v>
      </c>
      <c r="R281" s="6" t="s">
        <v>35</v>
      </c>
      <c r="S281" s="6"/>
      <c r="T281" s="6" t="s">
        <v>30</v>
      </c>
      <c r="U281" s="6"/>
      <c r="V281" s="3" t="s">
        <v>36</v>
      </c>
      <c r="W281" s="6" t="s">
        <v>901</v>
      </c>
    </row>
    <row r="282" spans="1:23" s="11" customFormat="1" ht="15.5">
      <c r="A282" s="70">
        <v>220340006</v>
      </c>
      <c r="B282" s="67"/>
      <c r="C282" s="63" t="s">
        <v>902</v>
      </c>
      <c r="D282" s="65" t="s">
        <v>126</v>
      </c>
      <c r="E282" s="67" t="s">
        <v>86</v>
      </c>
      <c r="F282" s="48" t="s">
        <v>731</v>
      </c>
      <c r="G282" s="12" t="s">
        <v>903</v>
      </c>
      <c r="H282" s="6"/>
      <c r="I282" s="6"/>
      <c r="J282" s="6" t="s">
        <v>517</v>
      </c>
      <c r="K282" s="13" t="s">
        <v>342</v>
      </c>
      <c r="L282" s="6"/>
      <c r="M282" s="6"/>
      <c r="N282" s="6" t="s">
        <v>360</v>
      </c>
      <c r="O282" s="6" t="s">
        <v>410</v>
      </c>
      <c r="P282" s="13">
        <v>25</v>
      </c>
      <c r="Q282" s="6">
        <v>49</v>
      </c>
      <c r="R282" s="6" t="s">
        <v>35</v>
      </c>
      <c r="S282" s="6"/>
      <c r="T282" s="6" t="s">
        <v>30</v>
      </c>
      <c r="U282" s="6"/>
      <c r="V282" s="3" t="s">
        <v>36</v>
      </c>
      <c r="W282" s="6" t="s">
        <v>901</v>
      </c>
    </row>
    <row r="283" spans="1:23" s="11" customFormat="1" ht="15.5">
      <c r="A283" s="70">
        <v>220340007</v>
      </c>
      <c r="B283" s="67"/>
      <c r="C283" s="63" t="s">
        <v>904</v>
      </c>
      <c r="D283" s="65" t="s">
        <v>126</v>
      </c>
      <c r="E283" s="67" t="s">
        <v>86</v>
      </c>
      <c r="F283" s="48" t="s">
        <v>731</v>
      </c>
      <c r="G283" s="12" t="s">
        <v>905</v>
      </c>
      <c r="H283" s="6"/>
      <c r="I283" s="6"/>
      <c r="J283" s="6" t="s">
        <v>517</v>
      </c>
      <c r="K283" s="13" t="s">
        <v>342</v>
      </c>
      <c r="L283" s="6"/>
      <c r="M283" s="6"/>
      <c r="N283" s="6" t="s">
        <v>360</v>
      </c>
      <c r="O283" s="6" t="s">
        <v>410</v>
      </c>
      <c r="P283" s="13">
        <v>70</v>
      </c>
      <c r="Q283" s="6">
        <v>89</v>
      </c>
      <c r="R283" s="6" t="s">
        <v>35</v>
      </c>
      <c r="S283" s="6"/>
      <c r="T283" s="6" t="s">
        <v>30</v>
      </c>
      <c r="U283" s="6"/>
      <c r="V283" s="3" t="s">
        <v>36</v>
      </c>
      <c r="W283" s="6" t="s">
        <v>901</v>
      </c>
    </row>
    <row r="284" spans="1:23" s="11" customFormat="1" ht="15.5">
      <c r="A284" s="70">
        <v>220340008</v>
      </c>
      <c r="B284" s="67"/>
      <c r="C284" s="63" t="s">
        <v>906</v>
      </c>
      <c r="D284" s="65" t="s">
        <v>126</v>
      </c>
      <c r="E284" s="67" t="s">
        <v>86</v>
      </c>
      <c r="F284" s="48" t="s">
        <v>731</v>
      </c>
      <c r="G284" s="12" t="s">
        <v>907</v>
      </c>
      <c r="H284" s="6"/>
      <c r="I284" s="6"/>
      <c r="J284" s="6" t="s">
        <v>517</v>
      </c>
      <c r="K284" s="13" t="s">
        <v>342</v>
      </c>
      <c r="L284" s="6"/>
      <c r="M284" s="6"/>
      <c r="N284" s="6" t="s">
        <v>360</v>
      </c>
      <c r="O284" s="6" t="s">
        <v>410</v>
      </c>
      <c r="P284" s="13">
        <v>75</v>
      </c>
      <c r="Q284" s="6">
        <v>99</v>
      </c>
      <c r="R284" s="6" t="s">
        <v>35</v>
      </c>
      <c r="S284" s="6"/>
      <c r="T284" s="6" t="s">
        <v>30</v>
      </c>
      <c r="U284" s="6"/>
      <c r="V284" s="3" t="s">
        <v>36</v>
      </c>
      <c r="W284" s="6" t="s">
        <v>901</v>
      </c>
    </row>
    <row r="285" spans="1:23" s="11" customFormat="1" ht="15.5">
      <c r="A285" s="70">
        <v>220340009</v>
      </c>
      <c r="B285" s="67"/>
      <c r="C285" s="63" t="s">
        <v>908</v>
      </c>
      <c r="D285" s="65" t="s">
        <v>126</v>
      </c>
      <c r="E285" s="67" t="s">
        <v>86</v>
      </c>
      <c r="F285" s="48" t="s">
        <v>731</v>
      </c>
      <c r="G285" s="12" t="s">
        <v>909</v>
      </c>
      <c r="H285" s="6"/>
      <c r="I285" s="6"/>
      <c r="J285" s="6" t="s">
        <v>517</v>
      </c>
      <c r="K285" s="13" t="s">
        <v>342</v>
      </c>
      <c r="L285" s="6"/>
      <c r="M285" s="6"/>
      <c r="N285" s="6" t="s">
        <v>360</v>
      </c>
      <c r="O285" s="6" t="s">
        <v>410</v>
      </c>
      <c r="P285" s="13">
        <v>120</v>
      </c>
      <c r="Q285" s="6">
        <v>150</v>
      </c>
      <c r="R285" s="6" t="s">
        <v>35</v>
      </c>
      <c r="S285" s="6"/>
      <c r="T285" s="6" t="s">
        <v>30</v>
      </c>
      <c r="U285" s="6"/>
      <c r="V285" s="3" t="s">
        <v>36</v>
      </c>
      <c r="W285" s="6" t="s">
        <v>733</v>
      </c>
    </row>
    <row r="286" spans="1:23" s="11" customFormat="1" ht="15.5">
      <c r="A286" s="70">
        <v>220340002</v>
      </c>
      <c r="B286" s="67"/>
      <c r="C286" s="63" t="s">
        <v>910</v>
      </c>
      <c r="D286" s="65" t="s">
        <v>126</v>
      </c>
      <c r="E286" s="67" t="s">
        <v>86</v>
      </c>
      <c r="F286" s="48" t="s">
        <v>731</v>
      </c>
      <c r="G286" s="12" t="s">
        <v>911</v>
      </c>
      <c r="H286" s="6"/>
      <c r="I286" s="6"/>
      <c r="J286" s="6" t="s">
        <v>517</v>
      </c>
      <c r="K286" s="13" t="s">
        <v>342</v>
      </c>
      <c r="L286" s="6"/>
      <c r="M286" s="6"/>
      <c r="N286" s="6" t="s">
        <v>360</v>
      </c>
      <c r="O286" s="6" t="s">
        <v>410</v>
      </c>
      <c r="P286" s="13">
        <v>100</v>
      </c>
      <c r="Q286" s="6">
        <v>180</v>
      </c>
      <c r="R286" s="6" t="s">
        <v>35</v>
      </c>
      <c r="S286" s="6"/>
      <c r="T286" s="6" t="s">
        <v>30</v>
      </c>
      <c r="U286" s="6"/>
      <c r="V286" s="3" t="s">
        <v>36</v>
      </c>
      <c r="W286" s="6" t="s">
        <v>733</v>
      </c>
    </row>
    <row r="287" spans="1:23" s="11" customFormat="1" ht="15.5">
      <c r="A287" s="70">
        <v>220340011</v>
      </c>
      <c r="B287" s="67"/>
      <c r="C287" s="63" t="s">
        <v>912</v>
      </c>
      <c r="D287" s="65" t="s">
        <v>126</v>
      </c>
      <c r="E287" s="67" t="s">
        <v>86</v>
      </c>
      <c r="F287" s="48" t="s">
        <v>731</v>
      </c>
      <c r="G287" s="12" t="s">
        <v>913</v>
      </c>
      <c r="H287" s="6"/>
      <c r="I287" s="6"/>
      <c r="J287" s="6" t="s">
        <v>517</v>
      </c>
      <c r="K287" s="13" t="s">
        <v>342</v>
      </c>
      <c r="L287" s="6"/>
      <c r="M287" s="6"/>
      <c r="N287" s="6" t="s">
        <v>360</v>
      </c>
      <c r="O287" s="6" t="s">
        <v>410</v>
      </c>
      <c r="P287" s="13">
        <v>60</v>
      </c>
      <c r="Q287" s="6">
        <v>90</v>
      </c>
      <c r="R287" s="6" t="s">
        <v>35</v>
      </c>
      <c r="S287" s="6"/>
      <c r="T287" s="6" t="s">
        <v>30</v>
      </c>
      <c r="U287" s="6"/>
      <c r="V287" s="3" t="s">
        <v>36</v>
      </c>
      <c r="W287" s="6" t="s">
        <v>733</v>
      </c>
    </row>
    <row r="288" spans="1:23" s="11" customFormat="1" ht="15.5">
      <c r="A288" s="70">
        <v>220340012</v>
      </c>
      <c r="B288" s="67"/>
      <c r="C288" s="63" t="s">
        <v>914</v>
      </c>
      <c r="D288" s="65" t="s">
        <v>126</v>
      </c>
      <c r="E288" s="67" t="s">
        <v>86</v>
      </c>
      <c r="F288" s="48" t="s">
        <v>731</v>
      </c>
      <c r="G288" s="12" t="s">
        <v>915</v>
      </c>
      <c r="H288" s="6"/>
      <c r="I288" s="6"/>
      <c r="J288" s="6" t="s">
        <v>517</v>
      </c>
      <c r="K288" s="13" t="s">
        <v>342</v>
      </c>
      <c r="L288" s="6"/>
      <c r="M288" s="6"/>
      <c r="N288" s="6" t="s">
        <v>360</v>
      </c>
      <c r="O288" s="6" t="s">
        <v>410</v>
      </c>
      <c r="P288" s="13">
        <v>30</v>
      </c>
      <c r="Q288" s="6">
        <v>59</v>
      </c>
      <c r="R288" s="6" t="s">
        <v>35</v>
      </c>
      <c r="S288" s="6"/>
      <c r="T288" s="6" t="s">
        <v>30</v>
      </c>
      <c r="U288" s="6"/>
      <c r="V288" s="3" t="s">
        <v>36</v>
      </c>
      <c r="W288" s="6" t="s">
        <v>733</v>
      </c>
    </row>
    <row r="289" spans="1:23" s="11" customFormat="1" ht="15.5">
      <c r="A289" s="70">
        <v>220340013</v>
      </c>
      <c r="B289" s="67"/>
      <c r="C289" s="63" t="s">
        <v>916</v>
      </c>
      <c r="D289" s="65" t="s">
        <v>126</v>
      </c>
      <c r="E289" s="67" t="s">
        <v>86</v>
      </c>
      <c r="F289" s="48" t="s">
        <v>731</v>
      </c>
      <c r="G289" s="12" t="s">
        <v>917</v>
      </c>
      <c r="H289" s="6"/>
      <c r="I289" s="6"/>
      <c r="J289" s="6" t="s">
        <v>517</v>
      </c>
      <c r="K289" s="13" t="s">
        <v>342</v>
      </c>
      <c r="L289" s="6"/>
      <c r="M289" s="6"/>
      <c r="N289" s="6" t="s">
        <v>360</v>
      </c>
      <c r="O289" s="6" t="s">
        <v>410</v>
      </c>
      <c r="P289" s="13">
        <v>60</v>
      </c>
      <c r="Q289" s="6">
        <v>90</v>
      </c>
      <c r="R289" s="6" t="s">
        <v>35</v>
      </c>
      <c r="S289" s="6"/>
      <c r="T289" s="6" t="s">
        <v>30</v>
      </c>
      <c r="U289" s="6"/>
      <c r="V289" s="3" t="s">
        <v>36</v>
      </c>
      <c r="W289" s="6" t="s">
        <v>733</v>
      </c>
    </row>
    <row r="290" spans="1:23" s="11" customFormat="1" ht="15.5">
      <c r="A290" s="70">
        <v>220340014</v>
      </c>
      <c r="B290" s="67"/>
      <c r="C290" s="63" t="s">
        <v>918</v>
      </c>
      <c r="D290" s="65" t="s">
        <v>126</v>
      </c>
      <c r="E290" s="67" t="s">
        <v>86</v>
      </c>
      <c r="F290" s="48" t="s">
        <v>731</v>
      </c>
      <c r="G290" s="12" t="s">
        <v>919</v>
      </c>
      <c r="H290" s="6"/>
      <c r="I290" s="6"/>
      <c r="J290" s="6" t="s">
        <v>517</v>
      </c>
      <c r="K290" s="13" t="s">
        <v>342</v>
      </c>
      <c r="L290" s="6"/>
      <c r="M290" s="6"/>
      <c r="N290" s="6" t="s">
        <v>360</v>
      </c>
      <c r="O290" s="6" t="s">
        <v>410</v>
      </c>
      <c r="P290" s="13">
        <v>35</v>
      </c>
      <c r="Q290" s="6">
        <v>59</v>
      </c>
      <c r="R290" s="6" t="s">
        <v>35</v>
      </c>
      <c r="S290" s="6"/>
      <c r="T290" s="6" t="s">
        <v>30</v>
      </c>
      <c r="U290" s="6"/>
      <c r="V290" s="3" t="s">
        <v>36</v>
      </c>
      <c r="W290" s="6" t="s">
        <v>733</v>
      </c>
    </row>
    <row r="291" spans="1:23" s="11" customFormat="1" ht="15.5">
      <c r="A291" s="70">
        <v>220340015</v>
      </c>
      <c r="B291" s="67"/>
      <c r="C291" s="63" t="s">
        <v>920</v>
      </c>
      <c r="D291" s="65" t="s">
        <v>126</v>
      </c>
      <c r="E291" s="67" t="s">
        <v>86</v>
      </c>
      <c r="F291" s="48" t="s">
        <v>731</v>
      </c>
      <c r="G291" s="12" t="s">
        <v>921</v>
      </c>
      <c r="H291" s="6"/>
      <c r="I291" s="6"/>
      <c r="J291" s="6" t="s">
        <v>517</v>
      </c>
      <c r="K291" s="13" t="s">
        <v>342</v>
      </c>
      <c r="L291" s="6"/>
      <c r="M291" s="6"/>
      <c r="N291" s="6" t="s">
        <v>360</v>
      </c>
      <c r="O291" s="6" t="s">
        <v>410</v>
      </c>
      <c r="P291" s="13">
        <v>40</v>
      </c>
      <c r="Q291" s="6">
        <v>69</v>
      </c>
      <c r="R291" s="6" t="s">
        <v>35</v>
      </c>
      <c r="S291" s="6"/>
      <c r="T291" s="6" t="s">
        <v>30</v>
      </c>
      <c r="U291" s="6"/>
      <c r="V291" s="3" t="s">
        <v>36</v>
      </c>
      <c r="W291" s="6" t="s">
        <v>733</v>
      </c>
    </row>
    <row r="292" spans="1:23" s="11" customFormat="1" ht="15.5">
      <c r="A292" s="70">
        <v>220340016</v>
      </c>
      <c r="B292" s="67"/>
      <c r="C292" s="63" t="s">
        <v>922</v>
      </c>
      <c r="D292" s="65" t="s">
        <v>126</v>
      </c>
      <c r="E292" s="67" t="s">
        <v>86</v>
      </c>
      <c r="F292" s="48" t="s">
        <v>731</v>
      </c>
      <c r="G292" s="12" t="s">
        <v>923</v>
      </c>
      <c r="H292" s="6"/>
      <c r="I292" s="6"/>
      <c r="J292" s="6" t="s">
        <v>517</v>
      </c>
      <c r="K292" s="13" t="s">
        <v>342</v>
      </c>
      <c r="L292" s="6"/>
      <c r="M292" s="6"/>
      <c r="N292" s="6" t="s">
        <v>360</v>
      </c>
      <c r="O292" s="6" t="s">
        <v>410</v>
      </c>
      <c r="P292" s="13">
        <v>240</v>
      </c>
      <c r="Q292" s="6">
        <v>300</v>
      </c>
      <c r="R292" s="6" t="s">
        <v>35</v>
      </c>
      <c r="S292" s="6"/>
      <c r="T292" s="6" t="s">
        <v>30</v>
      </c>
      <c r="U292" s="6"/>
      <c r="V292" s="3" t="s">
        <v>36</v>
      </c>
      <c r="W292" s="6" t="s">
        <v>733</v>
      </c>
    </row>
    <row r="293" spans="1:23" s="11" customFormat="1" ht="15.5">
      <c r="A293" s="70">
        <v>220340017</v>
      </c>
      <c r="B293" s="67"/>
      <c r="C293" s="63" t="s">
        <v>924</v>
      </c>
      <c r="D293" s="65" t="s">
        <v>126</v>
      </c>
      <c r="E293" s="67" t="s">
        <v>86</v>
      </c>
      <c r="F293" s="48" t="s">
        <v>731</v>
      </c>
      <c r="G293" s="12" t="s">
        <v>670</v>
      </c>
      <c r="H293" s="6"/>
      <c r="I293" s="6"/>
      <c r="J293" s="6" t="s">
        <v>517</v>
      </c>
      <c r="K293" s="13" t="s">
        <v>342</v>
      </c>
      <c r="L293" s="6"/>
      <c r="M293" s="6"/>
      <c r="N293" s="6" t="s">
        <v>360</v>
      </c>
      <c r="O293" s="6" t="s">
        <v>410</v>
      </c>
      <c r="P293" s="13">
        <v>60</v>
      </c>
      <c r="Q293" s="6">
        <v>90</v>
      </c>
      <c r="R293" s="6" t="s">
        <v>35</v>
      </c>
      <c r="S293" s="6"/>
      <c r="T293" s="6" t="s">
        <v>30</v>
      </c>
      <c r="U293" s="6"/>
      <c r="V293" s="3" t="s">
        <v>36</v>
      </c>
      <c r="W293" s="6" t="s">
        <v>733</v>
      </c>
    </row>
    <row r="294" spans="1:23" s="11" customFormat="1" ht="15.5">
      <c r="A294" s="70">
        <v>550340061</v>
      </c>
      <c r="B294" s="67"/>
      <c r="C294" s="63" t="s">
        <v>925</v>
      </c>
      <c r="D294" s="65" t="s">
        <v>126</v>
      </c>
      <c r="E294" s="67" t="s">
        <v>266</v>
      </c>
      <c r="F294" s="48" t="s">
        <v>926</v>
      </c>
      <c r="G294" s="12" t="s">
        <v>819</v>
      </c>
      <c r="H294" s="6"/>
      <c r="I294" s="6"/>
      <c r="J294" s="6" t="s">
        <v>517</v>
      </c>
      <c r="K294" s="6" t="s">
        <v>927</v>
      </c>
      <c r="L294" s="6"/>
      <c r="M294" s="6"/>
      <c r="N294" s="6" t="s">
        <v>360</v>
      </c>
      <c r="O294" s="6" t="s">
        <v>410</v>
      </c>
      <c r="P294" s="13">
        <v>230</v>
      </c>
      <c r="Q294" s="6">
        <v>299</v>
      </c>
      <c r="R294" s="6" t="s">
        <v>83</v>
      </c>
      <c r="S294" s="6"/>
      <c r="T294" s="6" t="s">
        <v>30</v>
      </c>
      <c r="U294" s="6"/>
      <c r="V294" s="3" t="s">
        <v>36</v>
      </c>
      <c r="W294" s="6" t="s">
        <v>928</v>
      </c>
    </row>
    <row r="295" spans="1:23" s="11" customFormat="1" ht="15.5">
      <c r="A295" s="70">
        <v>550340062</v>
      </c>
      <c r="B295" s="67"/>
      <c r="C295" s="63" t="s">
        <v>929</v>
      </c>
      <c r="D295" s="65" t="s">
        <v>126</v>
      </c>
      <c r="E295" s="67" t="s">
        <v>266</v>
      </c>
      <c r="F295" s="48" t="s">
        <v>926</v>
      </c>
      <c r="G295" s="12" t="s">
        <v>930</v>
      </c>
      <c r="H295" s="6"/>
      <c r="I295" s="6"/>
      <c r="J295" s="6" t="s">
        <v>517</v>
      </c>
      <c r="K295" s="6" t="s">
        <v>927</v>
      </c>
      <c r="L295" s="6"/>
      <c r="M295" s="6"/>
      <c r="N295" s="6" t="s">
        <v>360</v>
      </c>
      <c r="O295" s="6" t="s">
        <v>410</v>
      </c>
      <c r="P295" s="13">
        <v>230</v>
      </c>
      <c r="Q295" s="6">
        <v>299</v>
      </c>
      <c r="R295" s="6" t="s">
        <v>83</v>
      </c>
      <c r="S295" s="6"/>
      <c r="T295" s="6" t="s">
        <v>30</v>
      </c>
      <c r="U295" s="6"/>
      <c r="V295" s="3" t="s">
        <v>36</v>
      </c>
      <c r="W295" s="6" t="s">
        <v>928</v>
      </c>
    </row>
    <row r="296" spans="1:23" s="11" customFormat="1" ht="15.5">
      <c r="A296" s="70">
        <v>550340063</v>
      </c>
      <c r="B296" s="67"/>
      <c r="C296" s="63" t="s">
        <v>931</v>
      </c>
      <c r="D296" s="65" t="s">
        <v>126</v>
      </c>
      <c r="E296" s="67" t="s">
        <v>266</v>
      </c>
      <c r="F296" s="48" t="s">
        <v>926</v>
      </c>
      <c r="G296" s="12" t="s">
        <v>932</v>
      </c>
      <c r="H296" s="6"/>
      <c r="I296" s="6"/>
      <c r="J296" s="6" t="s">
        <v>517</v>
      </c>
      <c r="K296" s="6" t="s">
        <v>927</v>
      </c>
      <c r="L296" s="6"/>
      <c r="M296" s="6"/>
      <c r="N296" s="6" t="s">
        <v>360</v>
      </c>
      <c r="O296" s="6" t="s">
        <v>410</v>
      </c>
      <c r="P296" s="13">
        <v>180</v>
      </c>
      <c r="Q296" s="6">
        <v>239</v>
      </c>
      <c r="R296" s="6" t="s">
        <v>83</v>
      </c>
      <c r="S296" s="6"/>
      <c r="T296" s="6" t="s">
        <v>30</v>
      </c>
      <c r="U296" s="6"/>
      <c r="V296" s="3" t="s">
        <v>36</v>
      </c>
      <c r="W296" s="6" t="s">
        <v>928</v>
      </c>
    </row>
    <row r="297" spans="1:23" s="11" customFormat="1" ht="15.5">
      <c r="A297" s="70">
        <v>550340064</v>
      </c>
      <c r="B297" s="67"/>
      <c r="C297" s="63" t="s">
        <v>933</v>
      </c>
      <c r="D297" s="65" t="s">
        <v>126</v>
      </c>
      <c r="E297" s="67" t="s">
        <v>266</v>
      </c>
      <c r="F297" s="48" t="s">
        <v>926</v>
      </c>
      <c r="G297" s="12" t="s">
        <v>934</v>
      </c>
      <c r="H297" s="6"/>
      <c r="I297" s="6"/>
      <c r="J297" s="6" t="s">
        <v>517</v>
      </c>
      <c r="K297" s="6" t="s">
        <v>927</v>
      </c>
      <c r="L297" s="6"/>
      <c r="M297" s="6"/>
      <c r="N297" s="6" t="s">
        <v>360</v>
      </c>
      <c r="O297" s="6" t="s">
        <v>410</v>
      </c>
      <c r="P297" s="13">
        <v>110</v>
      </c>
      <c r="Q297" s="6">
        <v>145</v>
      </c>
      <c r="R297" s="6" t="s">
        <v>83</v>
      </c>
      <c r="S297" s="6"/>
      <c r="T297" s="6" t="s">
        <v>30</v>
      </c>
      <c r="U297" s="6"/>
      <c r="V297" s="3" t="s">
        <v>36</v>
      </c>
      <c r="W297" s="6" t="s">
        <v>928</v>
      </c>
    </row>
    <row r="298" spans="1:23" s="11" customFormat="1" ht="15.5">
      <c r="A298" s="70">
        <v>550340065</v>
      </c>
      <c r="B298" s="67"/>
      <c r="C298" s="63" t="s">
        <v>935</v>
      </c>
      <c r="D298" s="65" t="s">
        <v>126</v>
      </c>
      <c r="E298" s="67" t="s">
        <v>266</v>
      </c>
      <c r="F298" s="48" t="s">
        <v>926</v>
      </c>
      <c r="G298" s="12" t="s">
        <v>934</v>
      </c>
      <c r="H298" s="6"/>
      <c r="I298" s="6"/>
      <c r="J298" s="6" t="s">
        <v>517</v>
      </c>
      <c r="K298" s="6" t="s">
        <v>927</v>
      </c>
      <c r="L298" s="6"/>
      <c r="M298" s="6"/>
      <c r="N298" s="6" t="s">
        <v>360</v>
      </c>
      <c r="O298" s="6" t="s">
        <v>410</v>
      </c>
      <c r="P298" s="13">
        <v>100</v>
      </c>
      <c r="Q298" s="6">
        <v>139</v>
      </c>
      <c r="R298" s="6" t="s">
        <v>83</v>
      </c>
      <c r="S298" s="6"/>
      <c r="T298" s="6" t="s">
        <v>30</v>
      </c>
      <c r="U298" s="6"/>
      <c r="V298" s="3" t="s">
        <v>36</v>
      </c>
      <c r="W298" s="6" t="s">
        <v>928</v>
      </c>
    </row>
    <row r="299" spans="1:23" s="11" customFormat="1" ht="15.5">
      <c r="A299" s="70">
        <v>222340015</v>
      </c>
      <c r="B299" s="67"/>
      <c r="C299" s="63" t="s">
        <v>936</v>
      </c>
      <c r="D299" s="65" t="s">
        <v>126</v>
      </c>
      <c r="E299" s="67" t="s">
        <v>668</v>
      </c>
      <c r="F299" s="48" t="s">
        <v>937</v>
      </c>
      <c r="G299" s="12" t="s">
        <v>938</v>
      </c>
      <c r="H299" s="6"/>
      <c r="I299" s="6"/>
      <c r="J299" s="6" t="s">
        <v>517</v>
      </c>
      <c r="K299" s="6" t="s">
        <v>927</v>
      </c>
      <c r="L299" s="6"/>
      <c r="M299" s="6"/>
      <c r="N299" s="6" t="s">
        <v>360</v>
      </c>
      <c r="O299" s="6" t="s">
        <v>273</v>
      </c>
      <c r="P299" s="13">
        <v>160</v>
      </c>
      <c r="Q299" s="6">
        <v>200</v>
      </c>
      <c r="R299" s="6" t="s">
        <v>35</v>
      </c>
      <c r="S299" s="6"/>
      <c r="T299" s="6" t="s">
        <v>30</v>
      </c>
      <c r="U299" s="6"/>
      <c r="V299" s="3" t="s">
        <v>36</v>
      </c>
      <c r="W299" s="6" t="s">
        <v>533</v>
      </c>
    </row>
    <row r="300" spans="1:23" s="11" customFormat="1" ht="15.5">
      <c r="A300" s="70">
        <v>222340060</v>
      </c>
      <c r="B300" s="67"/>
      <c r="C300" s="63" t="s">
        <v>939</v>
      </c>
      <c r="D300" s="65" t="s">
        <v>126</v>
      </c>
      <c r="E300" s="67" t="s">
        <v>668</v>
      </c>
      <c r="F300" s="48" t="s">
        <v>937</v>
      </c>
      <c r="G300" s="12" t="s">
        <v>940</v>
      </c>
      <c r="H300" s="6"/>
      <c r="I300" s="6"/>
      <c r="J300" s="6" t="s">
        <v>517</v>
      </c>
      <c r="K300" s="6" t="s">
        <v>941</v>
      </c>
      <c r="L300" s="6"/>
      <c r="M300" s="6"/>
      <c r="N300" s="6" t="s">
        <v>360</v>
      </c>
      <c r="O300" s="6" t="s">
        <v>273</v>
      </c>
      <c r="P300" s="13">
        <v>210</v>
      </c>
      <c r="Q300" s="6">
        <v>250</v>
      </c>
      <c r="R300" s="6" t="s">
        <v>35</v>
      </c>
      <c r="S300" s="6"/>
      <c r="T300" s="6" t="s">
        <v>30</v>
      </c>
      <c r="U300" s="6"/>
      <c r="V300" s="3" t="s">
        <v>36</v>
      </c>
      <c r="W300" s="6" t="s">
        <v>533</v>
      </c>
    </row>
    <row r="301" spans="1:23" s="11" customFormat="1" ht="15.5">
      <c r="A301" s="70">
        <v>222340060</v>
      </c>
      <c r="B301" s="67"/>
      <c r="C301" s="63" t="s">
        <v>942</v>
      </c>
      <c r="D301" s="65" t="s">
        <v>126</v>
      </c>
      <c r="E301" s="67" t="s">
        <v>668</v>
      </c>
      <c r="F301" s="48" t="s">
        <v>937</v>
      </c>
      <c r="G301" s="12" t="s">
        <v>940</v>
      </c>
      <c r="H301" s="6"/>
      <c r="I301" s="6"/>
      <c r="J301" s="6" t="s">
        <v>517</v>
      </c>
      <c r="K301" s="6" t="s">
        <v>941</v>
      </c>
      <c r="L301" s="6"/>
      <c r="M301" s="6"/>
      <c r="N301" s="6" t="s">
        <v>360</v>
      </c>
      <c r="O301" s="6" t="s">
        <v>273</v>
      </c>
      <c r="P301" s="13">
        <v>210</v>
      </c>
      <c r="Q301" s="6">
        <v>250</v>
      </c>
      <c r="R301" s="6" t="s">
        <v>35</v>
      </c>
      <c r="S301" s="6"/>
      <c r="T301" s="6" t="s">
        <v>30</v>
      </c>
      <c r="U301" s="6"/>
      <c r="V301" s="3" t="s">
        <v>36</v>
      </c>
      <c r="W301" s="6" t="s">
        <v>533</v>
      </c>
    </row>
    <row r="302" spans="1:23" s="11" customFormat="1" ht="15.5">
      <c r="A302" s="74">
        <v>439340012</v>
      </c>
      <c r="B302" s="67"/>
      <c r="C302" s="63" t="s">
        <v>943</v>
      </c>
      <c r="D302" s="65" t="s">
        <v>126</v>
      </c>
      <c r="E302" s="67" t="s">
        <v>388</v>
      </c>
      <c r="F302" s="48" t="s">
        <v>944</v>
      </c>
      <c r="G302" s="12" t="s">
        <v>945</v>
      </c>
      <c r="H302" s="6"/>
      <c r="I302" s="6"/>
      <c r="J302" s="6" t="s">
        <v>45</v>
      </c>
      <c r="K302" s="6" t="s">
        <v>946</v>
      </c>
      <c r="L302" s="6" t="s">
        <v>947</v>
      </c>
      <c r="M302" s="6" t="s">
        <v>578</v>
      </c>
      <c r="N302" s="6" t="s">
        <v>360</v>
      </c>
      <c r="O302" s="6" t="s">
        <v>948</v>
      </c>
      <c r="P302" s="13">
        <v>50</v>
      </c>
      <c r="Q302" s="6">
        <v>120</v>
      </c>
      <c r="R302" s="6" t="s">
        <v>35</v>
      </c>
      <c r="S302" s="6"/>
      <c r="T302" s="6" t="s">
        <v>30</v>
      </c>
      <c r="U302" s="6"/>
      <c r="V302" s="3" t="s">
        <v>36</v>
      </c>
      <c r="W302" s="6" t="s">
        <v>949</v>
      </c>
    </row>
    <row r="303" spans="1:23" s="11" customFormat="1" ht="15.5">
      <c r="A303" s="74">
        <v>439340013</v>
      </c>
      <c r="B303" s="67"/>
      <c r="C303" s="63" t="s">
        <v>950</v>
      </c>
      <c r="D303" s="65" t="s">
        <v>126</v>
      </c>
      <c r="E303" s="67" t="s">
        <v>388</v>
      </c>
      <c r="F303" s="48" t="s">
        <v>944</v>
      </c>
      <c r="G303" s="12" t="s">
        <v>951</v>
      </c>
      <c r="H303" s="6"/>
      <c r="I303" s="6"/>
      <c r="J303" s="6" t="s">
        <v>45</v>
      </c>
      <c r="K303" s="6" t="s">
        <v>946</v>
      </c>
      <c r="L303" s="6" t="s">
        <v>947</v>
      </c>
      <c r="M303" s="6" t="s">
        <v>578</v>
      </c>
      <c r="N303" s="6" t="s">
        <v>360</v>
      </c>
      <c r="O303" s="6" t="s">
        <v>948</v>
      </c>
      <c r="P303" s="13">
        <v>50</v>
      </c>
      <c r="Q303" s="6">
        <v>120</v>
      </c>
      <c r="R303" s="6" t="s">
        <v>35</v>
      </c>
      <c r="S303" s="6"/>
      <c r="T303" s="6" t="s">
        <v>30</v>
      </c>
      <c r="U303" s="6"/>
      <c r="V303" s="3" t="s">
        <v>36</v>
      </c>
      <c r="W303" s="6" t="s">
        <v>949</v>
      </c>
    </row>
    <row r="304" spans="1:23" s="11" customFormat="1" ht="15.5">
      <c r="A304" s="74">
        <v>894230001</v>
      </c>
      <c r="B304" s="67" t="s">
        <v>952</v>
      </c>
      <c r="C304" s="63" t="s">
        <v>953</v>
      </c>
      <c r="D304" s="65" t="s">
        <v>124</v>
      </c>
      <c r="E304" s="67" t="s">
        <v>27</v>
      </c>
      <c r="F304" s="48" t="s">
        <v>954</v>
      </c>
      <c r="G304" s="12" t="s">
        <v>955</v>
      </c>
      <c r="H304" s="6"/>
      <c r="I304" s="6"/>
      <c r="J304" s="13" t="s">
        <v>956</v>
      </c>
      <c r="K304" s="6" t="s">
        <v>947</v>
      </c>
      <c r="L304" s="6" t="s">
        <v>578</v>
      </c>
      <c r="M304" s="6" t="s">
        <v>957</v>
      </c>
      <c r="N304" s="6" t="s">
        <v>360</v>
      </c>
      <c r="O304" s="6" t="s">
        <v>948</v>
      </c>
      <c r="P304" s="13">
        <v>130</v>
      </c>
      <c r="Q304" s="6">
        <v>150</v>
      </c>
      <c r="R304" s="6" t="s">
        <v>35</v>
      </c>
      <c r="S304" s="6"/>
      <c r="T304" s="6" t="s">
        <v>30</v>
      </c>
      <c r="U304" s="6"/>
      <c r="V304" s="3" t="s">
        <v>36</v>
      </c>
      <c r="W304" s="6" t="s">
        <v>699</v>
      </c>
    </row>
    <row r="305" spans="1:23" s="11" customFormat="1" ht="15.5">
      <c r="A305" s="74">
        <v>894230002</v>
      </c>
      <c r="B305" s="67" t="s">
        <v>952</v>
      </c>
      <c r="C305" s="63" t="s">
        <v>958</v>
      </c>
      <c r="D305" s="65" t="s">
        <v>124</v>
      </c>
      <c r="E305" s="67" t="s">
        <v>27</v>
      </c>
      <c r="F305" s="48" t="s">
        <v>959</v>
      </c>
      <c r="G305" s="12" t="s">
        <v>960</v>
      </c>
      <c r="H305" s="6"/>
      <c r="I305" s="6"/>
      <c r="J305" s="13" t="s">
        <v>956</v>
      </c>
      <c r="K305" s="6" t="s">
        <v>947</v>
      </c>
      <c r="L305" s="6" t="s">
        <v>578</v>
      </c>
      <c r="M305" s="6" t="s">
        <v>957</v>
      </c>
      <c r="N305" s="6" t="s">
        <v>360</v>
      </c>
      <c r="O305" s="6" t="s">
        <v>948</v>
      </c>
      <c r="P305" s="13">
        <v>220</v>
      </c>
      <c r="Q305" s="6">
        <v>250</v>
      </c>
      <c r="R305" s="6" t="s">
        <v>35</v>
      </c>
      <c r="S305" s="6"/>
      <c r="T305" s="6" t="s">
        <v>30</v>
      </c>
      <c r="U305" s="6"/>
      <c r="V305" s="3" t="s">
        <v>36</v>
      </c>
      <c r="W305" s="6" t="s">
        <v>699</v>
      </c>
    </row>
    <row r="306" spans="1:23" s="11" customFormat="1" ht="15.5">
      <c r="A306" s="74">
        <v>894230003</v>
      </c>
      <c r="B306" s="67" t="s">
        <v>952</v>
      </c>
      <c r="C306" s="63" t="s">
        <v>961</v>
      </c>
      <c r="D306" s="65" t="s">
        <v>124</v>
      </c>
      <c r="E306" s="67" t="s">
        <v>81</v>
      </c>
      <c r="F306" s="48" t="s">
        <v>962</v>
      </c>
      <c r="G306" s="12" t="s">
        <v>963</v>
      </c>
      <c r="H306" s="6"/>
      <c r="I306" s="6"/>
      <c r="J306" s="13" t="s">
        <v>956</v>
      </c>
      <c r="K306" s="6" t="s">
        <v>947</v>
      </c>
      <c r="L306" s="6" t="s">
        <v>578</v>
      </c>
      <c r="M306" s="6" t="s">
        <v>957</v>
      </c>
      <c r="N306" s="6" t="s">
        <v>360</v>
      </c>
      <c r="O306" s="6" t="s">
        <v>948</v>
      </c>
      <c r="P306" s="13">
        <v>200</v>
      </c>
      <c r="Q306" s="6">
        <v>250</v>
      </c>
      <c r="R306" s="6" t="s">
        <v>35</v>
      </c>
      <c r="S306" s="6"/>
      <c r="T306" s="6" t="s">
        <v>30</v>
      </c>
      <c r="U306" s="6"/>
      <c r="V306" s="3" t="s">
        <v>36</v>
      </c>
      <c r="W306" s="6" t="s">
        <v>699</v>
      </c>
    </row>
    <row r="307" spans="1:23" s="11" customFormat="1" ht="15.5">
      <c r="A307" s="74">
        <v>770330008</v>
      </c>
      <c r="B307" s="67" t="s">
        <v>411</v>
      </c>
      <c r="C307" s="63" t="s">
        <v>964</v>
      </c>
      <c r="D307" s="65" t="s">
        <v>124</v>
      </c>
      <c r="E307" s="67" t="s">
        <v>27</v>
      </c>
      <c r="F307" s="48" t="s">
        <v>965</v>
      </c>
      <c r="G307" s="12" t="s">
        <v>966</v>
      </c>
      <c r="H307" s="6"/>
      <c r="I307" s="6"/>
      <c r="J307" s="6" t="s">
        <v>119</v>
      </c>
      <c r="K307" s="6" t="s">
        <v>446</v>
      </c>
      <c r="L307" s="6"/>
      <c r="M307" s="6"/>
      <c r="N307" s="6" t="s">
        <v>360</v>
      </c>
      <c r="O307" s="6" t="s">
        <v>948</v>
      </c>
      <c r="P307" s="37">
        <v>1000</v>
      </c>
      <c r="Q307" s="21">
        <v>1500</v>
      </c>
      <c r="R307" s="6" t="s">
        <v>35</v>
      </c>
      <c r="S307" s="6"/>
      <c r="T307" s="6" t="s">
        <v>30</v>
      </c>
      <c r="U307" s="6"/>
      <c r="V307" s="3" t="s">
        <v>36</v>
      </c>
      <c r="W307" s="6" t="s">
        <v>1759</v>
      </c>
    </row>
    <row r="308" spans="1:23" s="11" customFormat="1" ht="31">
      <c r="A308" s="74">
        <v>770350013</v>
      </c>
      <c r="B308" s="67" t="s">
        <v>411</v>
      </c>
      <c r="C308" s="63" t="s">
        <v>967</v>
      </c>
      <c r="D308" s="65" t="s">
        <v>697</v>
      </c>
      <c r="E308" s="67" t="s">
        <v>53</v>
      </c>
      <c r="F308" s="48" t="s">
        <v>968</v>
      </c>
      <c r="G308" s="12" t="s">
        <v>969</v>
      </c>
      <c r="H308" s="6"/>
      <c r="I308" s="6"/>
      <c r="J308" s="6" t="s">
        <v>58</v>
      </c>
      <c r="K308" s="6" t="s">
        <v>970</v>
      </c>
      <c r="L308" s="6" t="s">
        <v>578</v>
      </c>
      <c r="M308" s="6" t="s">
        <v>957</v>
      </c>
      <c r="N308" s="6" t="s">
        <v>360</v>
      </c>
      <c r="O308" s="6" t="s">
        <v>948</v>
      </c>
      <c r="P308" s="13">
        <v>250</v>
      </c>
      <c r="Q308" s="6">
        <v>299</v>
      </c>
      <c r="R308" s="6" t="s">
        <v>35</v>
      </c>
      <c r="S308" s="6"/>
      <c r="T308" s="6" t="s">
        <v>30</v>
      </c>
      <c r="U308" s="6"/>
      <c r="V308" s="3" t="s">
        <v>36</v>
      </c>
      <c r="W308" s="6" t="s">
        <v>1759</v>
      </c>
    </row>
    <row r="309" spans="1:23" s="11" customFormat="1" ht="31">
      <c r="A309" s="74">
        <v>770330014</v>
      </c>
      <c r="B309" s="67" t="s">
        <v>411</v>
      </c>
      <c r="C309" s="63" t="s">
        <v>971</v>
      </c>
      <c r="D309" s="65" t="s">
        <v>124</v>
      </c>
      <c r="E309" s="67" t="s">
        <v>668</v>
      </c>
      <c r="F309" s="48" t="s">
        <v>972</v>
      </c>
      <c r="G309" s="12" t="s">
        <v>973</v>
      </c>
      <c r="H309" s="6"/>
      <c r="I309" s="6"/>
      <c r="J309" s="6" t="s">
        <v>119</v>
      </c>
      <c r="K309" s="6" t="s">
        <v>71</v>
      </c>
      <c r="L309" s="6" t="s">
        <v>578</v>
      </c>
      <c r="M309" s="6" t="s">
        <v>578</v>
      </c>
      <c r="N309" s="6" t="s">
        <v>360</v>
      </c>
      <c r="O309" s="6" t="s">
        <v>948</v>
      </c>
      <c r="P309" s="13">
        <v>30</v>
      </c>
      <c r="Q309" s="6">
        <v>50</v>
      </c>
      <c r="R309" s="6" t="s">
        <v>35</v>
      </c>
      <c r="S309" s="6"/>
      <c r="T309" s="6" t="s">
        <v>30</v>
      </c>
      <c r="U309" s="6"/>
      <c r="V309" s="3" t="s">
        <v>36</v>
      </c>
      <c r="W309" s="6" t="s">
        <v>1759</v>
      </c>
    </row>
    <row r="310" spans="1:23" s="11" customFormat="1" ht="15.5">
      <c r="A310" s="74">
        <v>222330001</v>
      </c>
      <c r="B310" s="67"/>
      <c r="C310" s="63" t="s">
        <v>974</v>
      </c>
      <c r="D310" s="65" t="s">
        <v>124</v>
      </c>
      <c r="E310" s="67" t="s">
        <v>27</v>
      </c>
      <c r="F310" s="48" t="s">
        <v>975</v>
      </c>
      <c r="G310" s="12" t="s">
        <v>976</v>
      </c>
      <c r="H310" s="6"/>
      <c r="I310" s="6"/>
      <c r="J310" s="6" t="s">
        <v>517</v>
      </c>
      <c r="K310" s="6" t="s">
        <v>977</v>
      </c>
      <c r="L310" s="6"/>
      <c r="M310" s="6"/>
      <c r="N310" s="6" t="s">
        <v>360</v>
      </c>
      <c r="O310" s="6" t="s">
        <v>978</v>
      </c>
      <c r="P310" s="13">
        <v>820</v>
      </c>
      <c r="Q310" s="6">
        <v>890</v>
      </c>
      <c r="R310" s="6" t="s">
        <v>35</v>
      </c>
      <c r="S310" s="6"/>
      <c r="T310" s="6" t="s">
        <v>30</v>
      </c>
      <c r="U310" s="6"/>
      <c r="V310" s="3" t="s">
        <v>36</v>
      </c>
      <c r="W310" s="6" t="s">
        <v>533</v>
      </c>
    </row>
    <row r="311" spans="1:23" s="11" customFormat="1" ht="15.5">
      <c r="A311" s="74">
        <v>222340014</v>
      </c>
      <c r="B311" s="67"/>
      <c r="C311" s="63" t="s">
        <v>979</v>
      </c>
      <c r="D311" s="65" t="s">
        <v>124</v>
      </c>
      <c r="E311" s="67" t="s">
        <v>81</v>
      </c>
      <c r="F311" s="48" t="s">
        <v>980</v>
      </c>
      <c r="G311" s="12" t="s">
        <v>981</v>
      </c>
      <c r="H311" s="6"/>
      <c r="I311" s="6"/>
      <c r="J311" s="6" t="s">
        <v>517</v>
      </c>
      <c r="K311" s="6" t="s">
        <v>977</v>
      </c>
      <c r="L311" s="6"/>
      <c r="M311" s="6"/>
      <c r="N311" s="6" t="s">
        <v>360</v>
      </c>
      <c r="O311" s="6" t="s">
        <v>978</v>
      </c>
      <c r="P311" s="37">
        <v>1200</v>
      </c>
      <c r="Q311" s="21">
        <v>1400</v>
      </c>
      <c r="R311" s="6" t="s">
        <v>35</v>
      </c>
      <c r="S311" s="6"/>
      <c r="T311" s="6" t="s">
        <v>30</v>
      </c>
      <c r="U311" s="6"/>
      <c r="V311" s="3" t="s">
        <v>36</v>
      </c>
      <c r="W311" s="6" t="s">
        <v>533</v>
      </c>
    </row>
    <row r="312" spans="1:23" s="11" customFormat="1" ht="15.5">
      <c r="A312" s="74">
        <v>111330013</v>
      </c>
      <c r="B312" s="67"/>
      <c r="C312" s="63" t="s">
        <v>982</v>
      </c>
      <c r="D312" s="65" t="s">
        <v>124</v>
      </c>
      <c r="E312" s="67" t="s">
        <v>27</v>
      </c>
      <c r="F312" s="48" t="s">
        <v>983</v>
      </c>
      <c r="G312" s="12" t="s">
        <v>984</v>
      </c>
      <c r="H312" s="6"/>
      <c r="I312" s="6"/>
      <c r="J312" s="6" t="s">
        <v>517</v>
      </c>
      <c r="K312" s="13" t="s">
        <v>342</v>
      </c>
      <c r="L312" s="6"/>
      <c r="M312" s="6"/>
      <c r="N312" s="6" t="s">
        <v>360</v>
      </c>
      <c r="O312" s="6" t="s">
        <v>273</v>
      </c>
      <c r="P312" s="13">
        <v>120</v>
      </c>
      <c r="Q312" s="6">
        <v>159</v>
      </c>
      <c r="R312" s="6" t="s">
        <v>35</v>
      </c>
      <c r="S312" s="6"/>
      <c r="T312" s="6" t="s">
        <v>30</v>
      </c>
      <c r="U312" s="6"/>
      <c r="V312" s="3" t="s">
        <v>36</v>
      </c>
      <c r="W312" s="6" t="s">
        <v>596</v>
      </c>
    </row>
    <row r="313" spans="1:23" s="11" customFormat="1" ht="15.5">
      <c r="A313" s="74">
        <v>896230003</v>
      </c>
      <c r="B313" s="67"/>
      <c r="C313" s="63" t="s">
        <v>985</v>
      </c>
      <c r="D313" s="65" t="s">
        <v>124</v>
      </c>
      <c r="E313" s="67" t="s">
        <v>81</v>
      </c>
      <c r="F313" s="48" t="s">
        <v>986</v>
      </c>
      <c r="G313" s="12" t="s">
        <v>987</v>
      </c>
      <c r="H313" s="6"/>
      <c r="I313" s="6"/>
      <c r="J313" s="6" t="s">
        <v>119</v>
      </c>
      <c r="K313" s="6" t="s">
        <v>988</v>
      </c>
      <c r="L313" s="6"/>
      <c r="M313" s="6"/>
      <c r="N313" s="6" t="s">
        <v>360</v>
      </c>
      <c r="O313" s="6" t="s">
        <v>978</v>
      </c>
      <c r="P313" s="13">
        <v>400</v>
      </c>
      <c r="Q313" s="6">
        <v>550</v>
      </c>
      <c r="R313" s="6" t="s">
        <v>35</v>
      </c>
      <c r="S313" s="6"/>
      <c r="T313" s="6" t="s">
        <v>30</v>
      </c>
      <c r="U313" s="6"/>
      <c r="V313" s="3" t="s">
        <v>36</v>
      </c>
      <c r="W313" s="6" t="s">
        <v>1363</v>
      </c>
    </row>
    <row r="314" spans="1:23" s="11" customFormat="1" ht="15.5">
      <c r="A314" s="74">
        <v>896230004</v>
      </c>
      <c r="B314" s="67"/>
      <c r="C314" s="63" t="s">
        <v>989</v>
      </c>
      <c r="D314" s="65" t="s">
        <v>124</v>
      </c>
      <c r="E314" s="67" t="s">
        <v>81</v>
      </c>
      <c r="F314" s="48" t="s">
        <v>986</v>
      </c>
      <c r="G314" s="12" t="s">
        <v>990</v>
      </c>
      <c r="H314" s="6"/>
      <c r="I314" s="6"/>
      <c r="J314" s="6" t="s">
        <v>119</v>
      </c>
      <c r="K314" s="6" t="s">
        <v>988</v>
      </c>
      <c r="L314" s="6"/>
      <c r="M314" s="6"/>
      <c r="N314" s="6" t="s">
        <v>360</v>
      </c>
      <c r="O314" s="6" t="s">
        <v>978</v>
      </c>
      <c r="P314" s="39">
        <v>350</v>
      </c>
      <c r="Q314" s="6">
        <v>450</v>
      </c>
      <c r="R314" s="6" t="s">
        <v>35</v>
      </c>
      <c r="S314" s="6"/>
      <c r="T314" s="6" t="s">
        <v>30</v>
      </c>
      <c r="U314" s="6"/>
      <c r="V314" s="3" t="s">
        <v>36</v>
      </c>
      <c r="W314" s="6" t="s">
        <v>1363</v>
      </c>
    </row>
    <row r="315" spans="1:23" s="11" customFormat="1" ht="15.5">
      <c r="A315" s="74">
        <v>550230002</v>
      </c>
      <c r="B315" s="67"/>
      <c r="C315" s="63" t="s">
        <v>991</v>
      </c>
      <c r="D315" s="65" t="s">
        <v>124</v>
      </c>
      <c r="E315" s="67" t="s">
        <v>81</v>
      </c>
      <c r="F315" s="48" t="s">
        <v>992</v>
      </c>
      <c r="G315" s="12" t="s">
        <v>993</v>
      </c>
      <c r="H315" s="6"/>
      <c r="I315" s="6"/>
      <c r="J315" s="6" t="s">
        <v>119</v>
      </c>
      <c r="K315" s="6" t="s">
        <v>446</v>
      </c>
      <c r="L315" s="6"/>
      <c r="M315" s="6"/>
      <c r="N315" s="6" t="s">
        <v>360</v>
      </c>
      <c r="O315" s="6" t="s">
        <v>978</v>
      </c>
      <c r="P315" s="13">
        <v>125</v>
      </c>
      <c r="Q315" s="6">
        <v>150</v>
      </c>
      <c r="R315" s="6" t="s">
        <v>35</v>
      </c>
      <c r="S315" s="6"/>
      <c r="T315" s="6" t="s">
        <v>30</v>
      </c>
      <c r="U315" s="6"/>
      <c r="V315" s="3" t="s">
        <v>36</v>
      </c>
      <c r="W315" s="6" t="s">
        <v>700</v>
      </c>
    </row>
    <row r="316" spans="1:23" s="11" customFormat="1" ht="15.5">
      <c r="A316" s="74">
        <v>550230003</v>
      </c>
      <c r="B316" s="67"/>
      <c r="C316" s="63" t="s">
        <v>994</v>
      </c>
      <c r="D316" s="65" t="s">
        <v>124</v>
      </c>
      <c r="E316" s="67" t="s">
        <v>81</v>
      </c>
      <c r="F316" s="48" t="s">
        <v>995</v>
      </c>
      <c r="G316" s="12" t="s">
        <v>996</v>
      </c>
      <c r="H316" s="6"/>
      <c r="I316" s="6"/>
      <c r="J316" s="6" t="s">
        <v>119</v>
      </c>
      <c r="K316" s="6" t="s">
        <v>446</v>
      </c>
      <c r="L316" s="6"/>
      <c r="M316" s="6"/>
      <c r="N316" s="6" t="s">
        <v>360</v>
      </c>
      <c r="O316" s="6" t="s">
        <v>978</v>
      </c>
      <c r="P316" s="13">
        <v>400</v>
      </c>
      <c r="Q316" s="6">
        <v>490</v>
      </c>
      <c r="R316" s="6" t="s">
        <v>35</v>
      </c>
      <c r="S316" s="6"/>
      <c r="T316" s="6" t="s">
        <v>30</v>
      </c>
      <c r="U316" s="6"/>
      <c r="V316" s="3" t="s">
        <v>36</v>
      </c>
      <c r="W316" s="6" t="s">
        <v>700</v>
      </c>
    </row>
    <row r="317" spans="1:23" s="11" customFormat="1" ht="15.5">
      <c r="A317" s="74">
        <v>550250004</v>
      </c>
      <c r="B317" s="67"/>
      <c r="C317" s="63" t="s">
        <v>997</v>
      </c>
      <c r="D317" s="65" t="s">
        <v>124</v>
      </c>
      <c r="E317" s="67" t="s">
        <v>27</v>
      </c>
      <c r="F317" s="48" t="s">
        <v>998</v>
      </c>
      <c r="G317" s="12" t="s">
        <v>999</v>
      </c>
      <c r="H317" s="6"/>
      <c r="I317" s="6"/>
      <c r="J317" s="6" t="s">
        <v>119</v>
      </c>
      <c r="K317" s="6" t="s">
        <v>1000</v>
      </c>
      <c r="L317" s="6"/>
      <c r="M317" s="6"/>
      <c r="N317" s="6" t="s">
        <v>360</v>
      </c>
      <c r="O317" s="6" t="s">
        <v>978</v>
      </c>
      <c r="P317" s="13">
        <v>570</v>
      </c>
      <c r="Q317" s="6">
        <v>650</v>
      </c>
      <c r="R317" s="6" t="s">
        <v>35</v>
      </c>
      <c r="S317" s="6"/>
      <c r="T317" s="6" t="s">
        <v>30</v>
      </c>
      <c r="U317" s="6"/>
      <c r="V317" s="3" t="s">
        <v>36</v>
      </c>
      <c r="W317" s="6" t="s">
        <v>700</v>
      </c>
    </row>
    <row r="318" spans="1:23" s="11" customFormat="1" ht="15.5">
      <c r="A318" s="74">
        <v>550230005</v>
      </c>
      <c r="B318" s="67"/>
      <c r="C318" s="63" t="s">
        <v>1001</v>
      </c>
      <c r="D318" s="65" t="s">
        <v>124</v>
      </c>
      <c r="E318" s="67" t="s">
        <v>266</v>
      </c>
      <c r="F318" s="48" t="s">
        <v>1002</v>
      </c>
      <c r="G318" s="12" t="s">
        <v>1003</v>
      </c>
      <c r="H318" s="6"/>
      <c r="I318" s="6"/>
      <c r="J318" s="6" t="s">
        <v>119</v>
      </c>
      <c r="K318" s="6" t="s">
        <v>1004</v>
      </c>
      <c r="L318" s="6"/>
      <c r="M318" s="6"/>
      <c r="N318" s="6" t="s">
        <v>360</v>
      </c>
      <c r="O318" s="6" t="s">
        <v>978</v>
      </c>
      <c r="P318" s="13">
        <v>500</v>
      </c>
      <c r="Q318" s="6">
        <v>599</v>
      </c>
      <c r="R318" s="6" t="s">
        <v>35</v>
      </c>
      <c r="S318" s="6"/>
      <c r="T318" s="6" t="s">
        <v>30</v>
      </c>
      <c r="U318" s="6"/>
      <c r="V318" s="3" t="s">
        <v>36</v>
      </c>
      <c r="W318" s="6" t="s">
        <v>700</v>
      </c>
    </row>
    <row r="319" spans="1:23" s="11" customFormat="1" ht="15.5">
      <c r="A319" s="74">
        <v>550330006</v>
      </c>
      <c r="B319" s="67" t="s">
        <v>1005</v>
      </c>
      <c r="C319" s="63" t="s">
        <v>1006</v>
      </c>
      <c r="D319" s="65" t="s">
        <v>124</v>
      </c>
      <c r="E319" s="67" t="s">
        <v>266</v>
      </c>
      <c r="F319" s="48" t="s">
        <v>1007</v>
      </c>
      <c r="G319" s="12" t="s">
        <v>1008</v>
      </c>
      <c r="H319" s="6"/>
      <c r="I319" s="6"/>
      <c r="J319" s="6" t="s">
        <v>119</v>
      </c>
      <c r="K319" s="6" t="s">
        <v>446</v>
      </c>
      <c r="L319" s="6" t="s">
        <v>1004</v>
      </c>
      <c r="M319" s="6" t="s">
        <v>1009</v>
      </c>
      <c r="N319" s="6" t="s">
        <v>360</v>
      </c>
      <c r="O319" s="6" t="s">
        <v>978</v>
      </c>
      <c r="P319" s="13">
        <v>500</v>
      </c>
      <c r="Q319" s="6">
        <v>790</v>
      </c>
      <c r="R319" s="6" t="s">
        <v>35</v>
      </c>
      <c r="S319" s="6"/>
      <c r="T319" s="6" t="s">
        <v>30</v>
      </c>
      <c r="U319" s="6"/>
      <c r="V319" s="3" t="s">
        <v>36</v>
      </c>
      <c r="W319" s="6" t="s">
        <v>292</v>
      </c>
    </row>
    <row r="320" spans="1:23" s="11" customFormat="1" ht="15.5">
      <c r="A320" s="74">
        <v>550330007</v>
      </c>
      <c r="B320" s="67" t="s">
        <v>1005</v>
      </c>
      <c r="C320" s="63" t="s">
        <v>1010</v>
      </c>
      <c r="D320" s="65" t="s">
        <v>124</v>
      </c>
      <c r="E320" s="67" t="s">
        <v>266</v>
      </c>
      <c r="F320" s="48" t="s">
        <v>1011</v>
      </c>
      <c r="G320" s="12" t="s">
        <v>1012</v>
      </c>
      <c r="H320" s="6"/>
      <c r="I320" s="6"/>
      <c r="J320" s="6" t="s">
        <v>119</v>
      </c>
      <c r="K320" s="6" t="s">
        <v>446</v>
      </c>
      <c r="L320" s="6" t="s">
        <v>1004</v>
      </c>
      <c r="M320" s="6" t="s">
        <v>1009</v>
      </c>
      <c r="N320" s="6" t="s">
        <v>360</v>
      </c>
      <c r="O320" s="6" t="s">
        <v>978</v>
      </c>
      <c r="P320" s="13">
        <v>1000</v>
      </c>
      <c r="Q320" s="6">
        <v>1590</v>
      </c>
      <c r="R320" s="6" t="s">
        <v>35</v>
      </c>
      <c r="S320" s="6"/>
      <c r="T320" s="6" t="s">
        <v>30</v>
      </c>
      <c r="U320" s="6"/>
      <c r="V320" s="3" t="s">
        <v>36</v>
      </c>
      <c r="W320" s="6" t="s">
        <v>292</v>
      </c>
    </row>
    <row r="321" spans="1:23" s="11" customFormat="1" ht="31">
      <c r="A321" s="74">
        <v>550330008</v>
      </c>
      <c r="B321" s="67" t="s">
        <v>1005</v>
      </c>
      <c r="C321" s="63" t="s">
        <v>1013</v>
      </c>
      <c r="D321" s="65" t="s">
        <v>124</v>
      </c>
      <c r="E321" s="67" t="s">
        <v>266</v>
      </c>
      <c r="F321" s="48" t="s">
        <v>1014</v>
      </c>
      <c r="G321" s="22" t="s">
        <v>1015</v>
      </c>
      <c r="H321" s="6"/>
      <c r="I321" s="6"/>
      <c r="J321" s="6" t="s">
        <v>119</v>
      </c>
      <c r="K321" s="6" t="s">
        <v>446</v>
      </c>
      <c r="L321" s="6" t="s">
        <v>1004</v>
      </c>
      <c r="M321" s="6" t="s">
        <v>1009</v>
      </c>
      <c r="N321" s="6" t="s">
        <v>360</v>
      </c>
      <c r="O321" s="6" t="s">
        <v>978</v>
      </c>
      <c r="P321" s="13">
        <v>800</v>
      </c>
      <c r="Q321" s="6">
        <v>1290</v>
      </c>
      <c r="R321" s="6" t="s">
        <v>35</v>
      </c>
      <c r="S321" s="6"/>
      <c r="T321" s="6" t="s">
        <v>30</v>
      </c>
      <c r="U321" s="6"/>
      <c r="V321" s="3" t="s">
        <v>36</v>
      </c>
      <c r="W321" s="6" t="s">
        <v>292</v>
      </c>
    </row>
    <row r="322" spans="1:23" s="11" customFormat="1" ht="15.5">
      <c r="A322" s="74">
        <v>550330009</v>
      </c>
      <c r="B322" s="67" t="s">
        <v>1005</v>
      </c>
      <c r="C322" s="63" t="s">
        <v>1016</v>
      </c>
      <c r="D322" s="65" t="s">
        <v>124</v>
      </c>
      <c r="E322" s="67" t="s">
        <v>266</v>
      </c>
      <c r="F322" s="48" t="s">
        <v>1017</v>
      </c>
      <c r="G322" s="12" t="s">
        <v>1018</v>
      </c>
      <c r="H322" s="6"/>
      <c r="I322" s="6"/>
      <c r="J322" s="6" t="s">
        <v>119</v>
      </c>
      <c r="K322" s="6" t="s">
        <v>446</v>
      </c>
      <c r="L322" s="6" t="s">
        <v>1004</v>
      </c>
      <c r="M322" s="6" t="s">
        <v>1009</v>
      </c>
      <c r="N322" s="6" t="s">
        <v>360</v>
      </c>
      <c r="O322" s="6" t="s">
        <v>978</v>
      </c>
      <c r="P322" s="13">
        <v>600</v>
      </c>
      <c r="Q322" s="6">
        <v>790</v>
      </c>
      <c r="R322" s="6" t="s">
        <v>35</v>
      </c>
      <c r="S322" s="6"/>
      <c r="T322" s="6" t="s">
        <v>30</v>
      </c>
      <c r="U322" s="6"/>
      <c r="V322" s="3" t="s">
        <v>36</v>
      </c>
      <c r="W322" s="6" t="s">
        <v>292</v>
      </c>
    </row>
    <row r="323" spans="1:23" s="11" customFormat="1" ht="15.5">
      <c r="A323" s="74">
        <v>550330010</v>
      </c>
      <c r="B323" s="67" t="s">
        <v>1005</v>
      </c>
      <c r="C323" s="63" t="s">
        <v>1019</v>
      </c>
      <c r="D323" s="65" t="s">
        <v>124</v>
      </c>
      <c r="E323" s="67" t="s">
        <v>266</v>
      </c>
      <c r="F323" s="48" t="s">
        <v>1017</v>
      </c>
      <c r="G323" s="12" t="s">
        <v>1020</v>
      </c>
      <c r="H323" s="6"/>
      <c r="I323" s="6"/>
      <c r="J323" s="6" t="s">
        <v>119</v>
      </c>
      <c r="K323" s="6" t="s">
        <v>446</v>
      </c>
      <c r="L323" s="6" t="s">
        <v>1004</v>
      </c>
      <c r="M323" s="6" t="s">
        <v>1009</v>
      </c>
      <c r="N323" s="6" t="s">
        <v>360</v>
      </c>
      <c r="O323" s="6" t="s">
        <v>978</v>
      </c>
      <c r="P323" s="13">
        <v>600</v>
      </c>
      <c r="Q323" s="6">
        <v>790</v>
      </c>
      <c r="R323" s="6" t="s">
        <v>35</v>
      </c>
      <c r="S323" s="6"/>
      <c r="T323" s="6" t="s">
        <v>30</v>
      </c>
      <c r="U323" s="6"/>
      <c r="V323" s="3" t="s">
        <v>36</v>
      </c>
      <c r="W323" s="6" t="s">
        <v>292</v>
      </c>
    </row>
    <row r="324" spans="1:23" s="11" customFormat="1" ht="31">
      <c r="A324" s="74">
        <v>550330011</v>
      </c>
      <c r="B324" s="67" t="s">
        <v>1005</v>
      </c>
      <c r="C324" s="63" t="s">
        <v>1021</v>
      </c>
      <c r="D324" s="65" t="s">
        <v>124</v>
      </c>
      <c r="E324" s="67" t="s">
        <v>266</v>
      </c>
      <c r="F324" s="48" t="s">
        <v>1017</v>
      </c>
      <c r="G324" s="22" t="s">
        <v>1022</v>
      </c>
      <c r="H324" s="6"/>
      <c r="I324" s="6"/>
      <c r="J324" s="6" t="s">
        <v>119</v>
      </c>
      <c r="K324" s="6" t="s">
        <v>446</v>
      </c>
      <c r="L324" s="6" t="s">
        <v>1004</v>
      </c>
      <c r="M324" s="6" t="s">
        <v>1009</v>
      </c>
      <c r="N324" s="6" t="s">
        <v>360</v>
      </c>
      <c r="O324" s="6" t="s">
        <v>978</v>
      </c>
      <c r="P324" s="13">
        <v>270</v>
      </c>
      <c r="Q324" s="6">
        <v>390</v>
      </c>
      <c r="R324" s="6" t="s">
        <v>35</v>
      </c>
      <c r="S324" s="6"/>
      <c r="T324" s="6" t="s">
        <v>30</v>
      </c>
      <c r="U324" s="6"/>
      <c r="V324" s="3" t="s">
        <v>36</v>
      </c>
      <c r="W324" s="6" t="s">
        <v>292</v>
      </c>
    </row>
    <row r="325" spans="1:23" s="11" customFormat="1" ht="15.5">
      <c r="A325" s="74">
        <v>550330012</v>
      </c>
      <c r="B325" s="67" t="s">
        <v>1005</v>
      </c>
      <c r="C325" s="63" t="s">
        <v>1023</v>
      </c>
      <c r="D325" s="65" t="s">
        <v>124</v>
      </c>
      <c r="E325" s="67" t="s">
        <v>266</v>
      </c>
      <c r="F325" s="48" t="s">
        <v>1017</v>
      </c>
      <c r="G325" s="12" t="s">
        <v>1024</v>
      </c>
      <c r="H325" s="6"/>
      <c r="I325" s="6"/>
      <c r="J325" s="6" t="s">
        <v>119</v>
      </c>
      <c r="K325" s="6" t="s">
        <v>446</v>
      </c>
      <c r="L325" s="6" t="s">
        <v>1004</v>
      </c>
      <c r="M325" s="6" t="s">
        <v>1009</v>
      </c>
      <c r="N325" s="6" t="s">
        <v>360</v>
      </c>
      <c r="O325" s="6" t="s">
        <v>978</v>
      </c>
      <c r="P325" s="13">
        <v>550</v>
      </c>
      <c r="Q325" s="6">
        <v>750</v>
      </c>
      <c r="R325" s="6" t="s">
        <v>35</v>
      </c>
      <c r="S325" s="6"/>
      <c r="T325" s="6" t="s">
        <v>30</v>
      </c>
      <c r="U325" s="6"/>
      <c r="V325" s="3" t="s">
        <v>36</v>
      </c>
      <c r="W325" s="6" t="s">
        <v>292</v>
      </c>
    </row>
    <row r="326" spans="1:23" s="11" customFormat="1" ht="46.5">
      <c r="A326" s="74">
        <v>550330013</v>
      </c>
      <c r="B326" s="67" t="s">
        <v>1005</v>
      </c>
      <c r="C326" s="63" t="s">
        <v>1025</v>
      </c>
      <c r="D326" s="65" t="s">
        <v>124</v>
      </c>
      <c r="E326" s="67" t="s">
        <v>27</v>
      </c>
      <c r="F326" s="48" t="s">
        <v>1026</v>
      </c>
      <c r="G326" s="22" t="s">
        <v>1027</v>
      </c>
      <c r="H326" s="6"/>
      <c r="I326" s="6"/>
      <c r="J326" s="6" t="s">
        <v>119</v>
      </c>
      <c r="K326" s="6" t="s">
        <v>957</v>
      </c>
      <c r="L326" s="6" t="s">
        <v>1000</v>
      </c>
      <c r="M326" s="6" t="s">
        <v>1028</v>
      </c>
      <c r="N326" s="6" t="s">
        <v>360</v>
      </c>
      <c r="O326" s="6" t="s">
        <v>978</v>
      </c>
      <c r="P326" s="13">
        <v>240</v>
      </c>
      <c r="Q326" s="6">
        <v>290</v>
      </c>
      <c r="R326" s="6" t="s">
        <v>35</v>
      </c>
      <c r="S326" s="6"/>
      <c r="T326" s="6" t="s">
        <v>30</v>
      </c>
      <c r="U326" s="6"/>
      <c r="V326" s="3" t="s">
        <v>36</v>
      </c>
      <c r="W326" s="6" t="s">
        <v>292</v>
      </c>
    </row>
    <row r="327" spans="1:23" s="11" customFormat="1" ht="15.5">
      <c r="A327" s="75">
        <v>439330001</v>
      </c>
      <c r="B327" s="67" t="s">
        <v>264</v>
      </c>
      <c r="C327" s="63" t="s">
        <v>1029</v>
      </c>
      <c r="D327" s="65" t="s">
        <v>124</v>
      </c>
      <c r="E327" s="76" t="s">
        <v>266</v>
      </c>
      <c r="F327" s="53" t="s">
        <v>1030</v>
      </c>
      <c r="G327" s="34" t="s">
        <v>1031</v>
      </c>
      <c r="H327" s="35"/>
      <c r="I327" s="35"/>
      <c r="J327" s="35" t="s">
        <v>119</v>
      </c>
      <c r="K327" s="35" t="s">
        <v>578</v>
      </c>
      <c r="L327" s="35" t="s">
        <v>446</v>
      </c>
      <c r="M327" s="35" t="s">
        <v>447</v>
      </c>
      <c r="N327" s="35" t="s">
        <v>360</v>
      </c>
      <c r="O327" s="35" t="s">
        <v>978</v>
      </c>
      <c r="P327" s="40">
        <v>1185</v>
      </c>
      <c r="Q327" s="35">
        <v>1580</v>
      </c>
      <c r="R327" s="35" t="s">
        <v>35</v>
      </c>
      <c r="S327" s="35"/>
      <c r="T327" s="35" t="s">
        <v>30</v>
      </c>
      <c r="U327" s="35"/>
      <c r="V327" s="3" t="s">
        <v>36</v>
      </c>
      <c r="W327" s="35" t="s">
        <v>1032</v>
      </c>
    </row>
    <row r="328" spans="1:23" s="11" customFormat="1" ht="15.5">
      <c r="A328" s="75">
        <v>439330003</v>
      </c>
      <c r="B328" s="67" t="s">
        <v>264</v>
      </c>
      <c r="C328" s="63" t="s">
        <v>1033</v>
      </c>
      <c r="D328" s="65" t="s">
        <v>124</v>
      </c>
      <c r="E328" s="76" t="s">
        <v>266</v>
      </c>
      <c r="F328" s="53" t="s">
        <v>1034</v>
      </c>
      <c r="G328" s="34" t="s">
        <v>1035</v>
      </c>
      <c r="H328" s="35"/>
      <c r="I328" s="35"/>
      <c r="J328" s="35" t="s">
        <v>119</v>
      </c>
      <c r="K328" s="35" t="s">
        <v>578</v>
      </c>
      <c r="L328" s="35" t="s">
        <v>446</v>
      </c>
      <c r="M328" s="35" t="s">
        <v>447</v>
      </c>
      <c r="N328" s="35" t="s">
        <v>360</v>
      </c>
      <c r="O328" s="35" t="s">
        <v>978</v>
      </c>
      <c r="P328" s="40">
        <v>1295</v>
      </c>
      <c r="Q328" s="35">
        <v>1850</v>
      </c>
      <c r="R328" s="35" t="s">
        <v>35</v>
      </c>
      <c r="S328" s="35"/>
      <c r="T328" s="35" t="s">
        <v>30</v>
      </c>
      <c r="U328" s="35"/>
      <c r="V328" s="3" t="s">
        <v>36</v>
      </c>
      <c r="W328" s="35" t="s">
        <v>1032</v>
      </c>
    </row>
    <row r="329" spans="1:23" s="11" customFormat="1" ht="15.5">
      <c r="A329" s="74">
        <v>439330004</v>
      </c>
      <c r="B329" s="67" t="s">
        <v>264</v>
      </c>
      <c r="C329" s="63" t="s">
        <v>1036</v>
      </c>
      <c r="D329" s="65" t="s">
        <v>124</v>
      </c>
      <c r="E329" s="67" t="s">
        <v>266</v>
      </c>
      <c r="F329" s="48" t="s">
        <v>1037</v>
      </c>
      <c r="G329" s="12" t="s">
        <v>1038</v>
      </c>
      <c r="H329" s="6"/>
      <c r="I329" s="6"/>
      <c r="J329" s="6" t="s">
        <v>119</v>
      </c>
      <c r="K329" s="6" t="s">
        <v>578</v>
      </c>
      <c r="L329" s="6" t="s">
        <v>446</v>
      </c>
      <c r="M329" s="6" t="s">
        <v>447</v>
      </c>
      <c r="N329" s="6" t="s">
        <v>360</v>
      </c>
      <c r="O329" s="6" t="s">
        <v>978</v>
      </c>
      <c r="P329" s="13">
        <v>595</v>
      </c>
      <c r="Q329" s="6">
        <v>850</v>
      </c>
      <c r="R329" s="6" t="s">
        <v>35</v>
      </c>
      <c r="S329" s="6"/>
      <c r="T329" s="6" t="s">
        <v>30</v>
      </c>
      <c r="U329" s="6"/>
      <c r="V329" s="3" t="s">
        <v>36</v>
      </c>
      <c r="W329" s="6" t="s">
        <v>1032</v>
      </c>
    </row>
    <row r="330" spans="1:23" s="11" customFormat="1" ht="15.5">
      <c r="A330" s="74">
        <v>439330005</v>
      </c>
      <c r="B330" s="67" t="s">
        <v>264</v>
      </c>
      <c r="C330" s="63" t="s">
        <v>1039</v>
      </c>
      <c r="D330" s="65" t="s">
        <v>124</v>
      </c>
      <c r="E330" s="67" t="s">
        <v>266</v>
      </c>
      <c r="F330" s="48" t="s">
        <v>1037</v>
      </c>
      <c r="G330" s="12" t="s">
        <v>1040</v>
      </c>
      <c r="H330" s="6"/>
      <c r="I330" s="6"/>
      <c r="J330" s="6" t="s">
        <v>119</v>
      </c>
      <c r="K330" s="6" t="s">
        <v>578</v>
      </c>
      <c r="L330" s="6" t="s">
        <v>446</v>
      </c>
      <c r="M330" s="6" t="s">
        <v>447</v>
      </c>
      <c r="N330" s="6" t="s">
        <v>360</v>
      </c>
      <c r="O330" s="6" t="s">
        <v>978</v>
      </c>
      <c r="P330" s="13">
        <v>595</v>
      </c>
      <c r="Q330" s="6">
        <v>850</v>
      </c>
      <c r="R330" s="6" t="s">
        <v>35</v>
      </c>
      <c r="S330" s="6"/>
      <c r="T330" s="6" t="s">
        <v>30</v>
      </c>
      <c r="U330" s="6"/>
      <c r="V330" s="3" t="s">
        <v>36</v>
      </c>
      <c r="W330" s="6" t="s">
        <v>1032</v>
      </c>
    </row>
    <row r="331" spans="1:23" s="11" customFormat="1" ht="15.5">
      <c r="A331" s="74">
        <v>439330006</v>
      </c>
      <c r="B331" s="67" t="s">
        <v>264</v>
      </c>
      <c r="C331" s="63" t="s">
        <v>1041</v>
      </c>
      <c r="D331" s="65" t="s">
        <v>124</v>
      </c>
      <c r="E331" s="67" t="s">
        <v>266</v>
      </c>
      <c r="F331" s="48" t="s">
        <v>1037</v>
      </c>
      <c r="G331" s="12" t="s">
        <v>1042</v>
      </c>
      <c r="H331" s="6"/>
      <c r="I331" s="6"/>
      <c r="J331" s="6" t="s">
        <v>119</v>
      </c>
      <c r="K331" s="6" t="s">
        <v>578</v>
      </c>
      <c r="L331" s="6" t="s">
        <v>446</v>
      </c>
      <c r="M331" s="6" t="s">
        <v>447</v>
      </c>
      <c r="N331" s="6" t="s">
        <v>360</v>
      </c>
      <c r="O331" s="6" t="s">
        <v>978</v>
      </c>
      <c r="P331" s="13">
        <v>595</v>
      </c>
      <c r="Q331" s="6">
        <v>850</v>
      </c>
      <c r="R331" s="6" t="s">
        <v>35</v>
      </c>
      <c r="S331" s="6"/>
      <c r="T331" s="6" t="s">
        <v>30</v>
      </c>
      <c r="U331" s="6"/>
      <c r="V331" s="3" t="s">
        <v>36</v>
      </c>
      <c r="W331" s="6" t="s">
        <v>1032</v>
      </c>
    </row>
    <row r="332" spans="1:23" s="11" customFormat="1" ht="15.5">
      <c r="A332" s="74">
        <v>439330007</v>
      </c>
      <c r="B332" s="67" t="s">
        <v>264</v>
      </c>
      <c r="C332" s="63" t="s">
        <v>1043</v>
      </c>
      <c r="D332" s="65" t="s">
        <v>124</v>
      </c>
      <c r="E332" s="67" t="s">
        <v>81</v>
      </c>
      <c r="F332" s="48" t="s">
        <v>1037</v>
      </c>
      <c r="G332" s="12" t="s">
        <v>1044</v>
      </c>
      <c r="H332" s="6"/>
      <c r="I332" s="6"/>
      <c r="J332" s="6" t="s">
        <v>119</v>
      </c>
      <c r="K332" s="6" t="s">
        <v>947</v>
      </c>
      <c r="L332" s="6" t="s">
        <v>957</v>
      </c>
      <c r="M332" s="6" t="s">
        <v>446</v>
      </c>
      <c r="N332" s="6" t="s">
        <v>360</v>
      </c>
      <c r="O332" s="6" t="s">
        <v>978</v>
      </c>
      <c r="P332" s="13">
        <v>840</v>
      </c>
      <c r="Q332" s="6">
        <v>1200</v>
      </c>
      <c r="R332" s="6" t="s">
        <v>35</v>
      </c>
      <c r="S332" s="6"/>
      <c r="T332" s="6" t="s">
        <v>30</v>
      </c>
      <c r="U332" s="6"/>
      <c r="V332" s="3" t="s">
        <v>36</v>
      </c>
      <c r="W332" s="6" t="s">
        <v>1032</v>
      </c>
    </row>
    <row r="333" spans="1:23" s="11" customFormat="1" ht="15.5">
      <c r="A333" s="74">
        <v>332340006</v>
      </c>
      <c r="B333" s="67"/>
      <c r="C333" s="63" t="s">
        <v>1045</v>
      </c>
      <c r="D333" s="65" t="s">
        <v>126</v>
      </c>
      <c r="E333" s="67" t="s">
        <v>81</v>
      </c>
      <c r="F333" s="48" t="s">
        <v>1046</v>
      </c>
      <c r="G333" s="12" t="s">
        <v>1047</v>
      </c>
      <c r="H333" s="6"/>
      <c r="I333" s="6"/>
      <c r="J333" s="6" t="s">
        <v>956</v>
      </c>
      <c r="K333" s="6" t="s">
        <v>946</v>
      </c>
      <c r="L333" s="6" t="s">
        <v>1048</v>
      </c>
      <c r="M333" s="6" t="s">
        <v>30</v>
      </c>
      <c r="N333" s="6" t="s">
        <v>360</v>
      </c>
      <c r="O333" s="6" t="s">
        <v>978</v>
      </c>
      <c r="P333" s="13">
        <v>35</v>
      </c>
      <c r="Q333" s="6">
        <v>60</v>
      </c>
      <c r="R333" s="6" t="s">
        <v>35</v>
      </c>
      <c r="S333" s="6"/>
      <c r="T333" s="6" t="s">
        <v>30</v>
      </c>
      <c r="U333" s="6"/>
      <c r="V333" s="3" t="s">
        <v>36</v>
      </c>
      <c r="W333" s="6" t="s">
        <v>1049</v>
      </c>
    </row>
    <row r="334" spans="1:23" s="11" customFormat="1" ht="15.5">
      <c r="A334" s="74">
        <v>332340015</v>
      </c>
      <c r="B334" s="67"/>
      <c r="C334" s="63" t="s">
        <v>1050</v>
      </c>
      <c r="D334" s="65" t="s">
        <v>126</v>
      </c>
      <c r="E334" s="67" t="s">
        <v>81</v>
      </c>
      <c r="F334" s="48" t="s">
        <v>1046</v>
      </c>
      <c r="G334" s="12" t="s">
        <v>1051</v>
      </c>
      <c r="H334" s="6"/>
      <c r="I334" s="6"/>
      <c r="J334" s="6" t="s">
        <v>956</v>
      </c>
      <c r="K334" s="6" t="s">
        <v>1052</v>
      </c>
      <c r="L334" s="6"/>
      <c r="M334" s="6"/>
      <c r="N334" s="6" t="s">
        <v>360</v>
      </c>
      <c r="O334" s="6" t="s">
        <v>978</v>
      </c>
      <c r="P334" s="13">
        <v>1200</v>
      </c>
      <c r="Q334" s="6">
        <v>1700</v>
      </c>
      <c r="R334" s="6" t="s">
        <v>35</v>
      </c>
      <c r="S334" s="6"/>
      <c r="T334" s="6" t="s">
        <v>30</v>
      </c>
      <c r="U334" s="6"/>
      <c r="V334" s="3" t="s">
        <v>36</v>
      </c>
      <c r="W334" s="6" t="s">
        <v>1049</v>
      </c>
    </row>
    <row r="335" spans="1:23" s="11" customFormat="1" ht="15.5">
      <c r="A335" s="74">
        <v>332340004</v>
      </c>
      <c r="B335" s="67"/>
      <c r="C335" s="63" t="s">
        <v>1053</v>
      </c>
      <c r="D335" s="65" t="s">
        <v>126</v>
      </c>
      <c r="E335" s="67" t="s">
        <v>81</v>
      </c>
      <c r="F335" s="48" t="s">
        <v>1046</v>
      </c>
      <c r="G335" s="12" t="s">
        <v>1054</v>
      </c>
      <c r="H335" s="6"/>
      <c r="I335" s="6"/>
      <c r="J335" s="6" t="s">
        <v>956</v>
      </c>
      <c r="K335" s="6" t="s">
        <v>1055</v>
      </c>
      <c r="L335" s="6"/>
      <c r="M335" s="6"/>
      <c r="N335" s="6" t="s">
        <v>360</v>
      </c>
      <c r="O335" s="6" t="s">
        <v>978</v>
      </c>
      <c r="P335" s="13">
        <v>280</v>
      </c>
      <c r="Q335" s="6">
        <v>390</v>
      </c>
      <c r="R335" s="6" t="s">
        <v>35</v>
      </c>
      <c r="S335" s="6"/>
      <c r="T335" s="6" t="s">
        <v>30</v>
      </c>
      <c r="U335" s="6"/>
      <c r="V335" s="3" t="s">
        <v>36</v>
      </c>
      <c r="W335" s="6" t="s">
        <v>1049</v>
      </c>
    </row>
    <row r="336" spans="1:23" s="11" customFormat="1" ht="15.5">
      <c r="A336" s="74">
        <v>332340008</v>
      </c>
      <c r="B336" s="67"/>
      <c r="C336" s="63" t="s">
        <v>1056</v>
      </c>
      <c r="D336" s="65" t="s">
        <v>126</v>
      </c>
      <c r="E336" s="67" t="s">
        <v>81</v>
      </c>
      <c r="F336" s="48" t="s">
        <v>1046</v>
      </c>
      <c r="G336" s="12" t="s">
        <v>1057</v>
      </c>
      <c r="H336" s="6"/>
      <c r="I336" s="6"/>
      <c r="J336" s="6" t="s">
        <v>956</v>
      </c>
      <c r="K336" s="6" t="s">
        <v>1058</v>
      </c>
      <c r="L336" s="6"/>
      <c r="M336" s="6"/>
      <c r="N336" s="6" t="s">
        <v>360</v>
      </c>
      <c r="O336" s="6" t="s">
        <v>978</v>
      </c>
      <c r="P336" s="13">
        <v>400</v>
      </c>
      <c r="Q336" s="6">
        <v>550</v>
      </c>
      <c r="R336" s="6" t="s">
        <v>35</v>
      </c>
      <c r="S336" s="6"/>
      <c r="T336" s="6" t="s">
        <v>30</v>
      </c>
      <c r="U336" s="6"/>
      <c r="V336" s="3" t="s">
        <v>36</v>
      </c>
      <c r="W336" s="6" t="s">
        <v>1049</v>
      </c>
    </row>
    <row r="337" spans="1:23" s="11" customFormat="1" ht="15.5">
      <c r="A337" s="74">
        <v>332340005</v>
      </c>
      <c r="B337" s="67"/>
      <c r="C337" s="63" t="s">
        <v>1059</v>
      </c>
      <c r="D337" s="65" t="s">
        <v>126</v>
      </c>
      <c r="E337" s="67" t="s">
        <v>81</v>
      </c>
      <c r="F337" s="48" t="s">
        <v>1046</v>
      </c>
      <c r="G337" s="12" t="s">
        <v>1060</v>
      </c>
      <c r="H337" s="6"/>
      <c r="I337" s="6"/>
      <c r="J337" s="6" t="s">
        <v>956</v>
      </c>
      <c r="K337" s="6" t="s">
        <v>1061</v>
      </c>
      <c r="L337" s="6"/>
      <c r="M337" s="6"/>
      <c r="N337" s="6" t="s">
        <v>360</v>
      </c>
      <c r="O337" s="6" t="s">
        <v>978</v>
      </c>
      <c r="P337" s="13">
        <v>60</v>
      </c>
      <c r="Q337" s="6">
        <v>90</v>
      </c>
      <c r="R337" s="6" t="s">
        <v>35</v>
      </c>
      <c r="S337" s="6"/>
      <c r="T337" s="6" t="s">
        <v>30</v>
      </c>
      <c r="U337" s="6"/>
      <c r="V337" s="3" t="s">
        <v>36</v>
      </c>
      <c r="W337" s="6" t="s">
        <v>1049</v>
      </c>
    </row>
    <row r="338" spans="1:23" s="11" customFormat="1" ht="15.5">
      <c r="A338" s="74">
        <v>332340007</v>
      </c>
      <c r="B338" s="67"/>
      <c r="C338" s="63" t="s">
        <v>1062</v>
      </c>
      <c r="D338" s="65" t="s">
        <v>126</v>
      </c>
      <c r="E338" s="67" t="s">
        <v>81</v>
      </c>
      <c r="F338" s="48" t="s">
        <v>1063</v>
      </c>
      <c r="G338" s="12" t="s">
        <v>1064</v>
      </c>
      <c r="H338" s="6"/>
      <c r="I338" s="6"/>
      <c r="J338" s="6" t="s">
        <v>956</v>
      </c>
      <c r="K338" s="6" t="s">
        <v>1058</v>
      </c>
      <c r="L338" s="6"/>
      <c r="M338" s="6"/>
      <c r="N338" s="6" t="s">
        <v>360</v>
      </c>
      <c r="O338" s="6" t="s">
        <v>978</v>
      </c>
      <c r="P338" s="13">
        <v>300</v>
      </c>
      <c r="Q338" s="6">
        <v>400</v>
      </c>
      <c r="R338" s="6" t="s">
        <v>35</v>
      </c>
      <c r="S338" s="6"/>
      <c r="T338" s="6" t="s">
        <v>30</v>
      </c>
      <c r="U338" s="6"/>
      <c r="V338" s="3" t="s">
        <v>36</v>
      </c>
      <c r="W338" s="6" t="s">
        <v>1049</v>
      </c>
    </row>
    <row r="339" spans="1:23" s="11" customFormat="1" ht="31">
      <c r="A339" s="74">
        <v>332330009</v>
      </c>
      <c r="B339" s="67"/>
      <c r="C339" s="63" t="s">
        <v>1065</v>
      </c>
      <c r="D339" s="65" t="s">
        <v>124</v>
      </c>
      <c r="E339" s="67" t="s">
        <v>27</v>
      </c>
      <c r="F339" s="48" t="s">
        <v>1063</v>
      </c>
      <c r="G339" s="22" t="s">
        <v>1066</v>
      </c>
      <c r="H339" s="6"/>
      <c r="I339" s="6"/>
      <c r="J339" s="6" t="s">
        <v>956</v>
      </c>
      <c r="K339" s="6" t="s">
        <v>1067</v>
      </c>
      <c r="L339" s="6"/>
      <c r="M339" s="6"/>
      <c r="N339" s="6" t="s">
        <v>360</v>
      </c>
      <c r="O339" s="6" t="s">
        <v>978</v>
      </c>
      <c r="P339" s="13">
        <v>190</v>
      </c>
      <c r="Q339" s="6">
        <v>270</v>
      </c>
      <c r="R339" s="6" t="s">
        <v>35</v>
      </c>
      <c r="S339" s="6"/>
      <c r="T339" s="6" t="s">
        <v>30</v>
      </c>
      <c r="U339" s="6"/>
      <c r="V339" s="3" t="s">
        <v>36</v>
      </c>
      <c r="W339" s="6" t="s">
        <v>1049</v>
      </c>
    </row>
    <row r="340" spans="1:23" s="11" customFormat="1" ht="15.5">
      <c r="A340" s="74">
        <v>332330010</v>
      </c>
      <c r="B340" s="67"/>
      <c r="C340" s="63" t="s">
        <v>1068</v>
      </c>
      <c r="D340" s="65" t="s">
        <v>124</v>
      </c>
      <c r="E340" s="67" t="s">
        <v>27</v>
      </c>
      <c r="F340" s="48" t="s">
        <v>1063</v>
      </c>
      <c r="G340" s="12" t="s">
        <v>1069</v>
      </c>
      <c r="H340" s="6"/>
      <c r="I340" s="6"/>
      <c r="J340" s="6" t="s">
        <v>956</v>
      </c>
      <c r="K340" s="6" t="s">
        <v>1070</v>
      </c>
      <c r="L340" s="6"/>
      <c r="M340" s="6"/>
      <c r="N340" s="6" t="s">
        <v>360</v>
      </c>
      <c r="O340" s="6" t="s">
        <v>978</v>
      </c>
      <c r="P340" s="13">
        <v>140</v>
      </c>
      <c r="Q340" s="6">
        <v>210</v>
      </c>
      <c r="R340" s="6" t="s">
        <v>35</v>
      </c>
      <c r="S340" s="6"/>
      <c r="T340" s="6" t="s">
        <v>30</v>
      </c>
      <c r="U340" s="6"/>
      <c r="V340" s="3" t="s">
        <v>36</v>
      </c>
      <c r="W340" s="6" t="s">
        <v>1049</v>
      </c>
    </row>
    <row r="341" spans="1:23" s="11" customFormat="1" ht="15.5">
      <c r="A341" s="74">
        <v>332330011</v>
      </c>
      <c r="B341" s="67"/>
      <c r="C341" s="63" t="s">
        <v>1071</v>
      </c>
      <c r="D341" s="65" t="s">
        <v>124</v>
      </c>
      <c r="E341" s="67" t="s">
        <v>27</v>
      </c>
      <c r="F341" s="48" t="s">
        <v>1063</v>
      </c>
      <c r="G341" s="12" t="s">
        <v>1047</v>
      </c>
      <c r="H341" s="6"/>
      <c r="I341" s="6"/>
      <c r="J341" s="6" t="s">
        <v>956</v>
      </c>
      <c r="K341" s="6" t="s">
        <v>1070</v>
      </c>
      <c r="L341" s="6"/>
      <c r="M341" s="6"/>
      <c r="N341" s="6" t="s">
        <v>360</v>
      </c>
      <c r="O341" s="6" t="s">
        <v>978</v>
      </c>
      <c r="P341" s="13">
        <v>150</v>
      </c>
      <c r="Q341" s="6">
        <v>230</v>
      </c>
      <c r="R341" s="6" t="s">
        <v>35</v>
      </c>
      <c r="S341" s="6"/>
      <c r="T341" s="6" t="s">
        <v>30</v>
      </c>
      <c r="U341" s="6"/>
      <c r="V341" s="3" t="s">
        <v>36</v>
      </c>
      <c r="W341" s="6" t="s">
        <v>1049</v>
      </c>
    </row>
    <row r="342" spans="1:23" s="11" customFormat="1" ht="62">
      <c r="A342" s="74">
        <v>332330012</v>
      </c>
      <c r="B342" s="67"/>
      <c r="C342" s="63" t="s">
        <v>1072</v>
      </c>
      <c r="D342" s="65" t="s">
        <v>124</v>
      </c>
      <c r="E342" s="67" t="s">
        <v>27</v>
      </c>
      <c r="F342" s="48" t="s">
        <v>1073</v>
      </c>
      <c r="G342" s="22" t="s">
        <v>1074</v>
      </c>
      <c r="H342" s="6"/>
      <c r="I342" s="6"/>
      <c r="J342" s="6" t="s">
        <v>956</v>
      </c>
      <c r="K342" s="6" t="s">
        <v>1067</v>
      </c>
      <c r="L342" s="6"/>
      <c r="M342" s="6"/>
      <c r="N342" s="6" t="s">
        <v>360</v>
      </c>
      <c r="O342" s="6" t="s">
        <v>978</v>
      </c>
      <c r="P342" s="13">
        <v>130</v>
      </c>
      <c r="Q342" s="6">
        <v>199</v>
      </c>
      <c r="R342" s="6" t="s">
        <v>35</v>
      </c>
      <c r="S342" s="6"/>
      <c r="T342" s="6" t="s">
        <v>30</v>
      </c>
      <c r="U342" s="6"/>
      <c r="V342" s="3" t="s">
        <v>36</v>
      </c>
      <c r="W342" s="6" t="s">
        <v>1049</v>
      </c>
    </row>
    <row r="343" spans="1:23" s="11" customFormat="1" ht="15.5">
      <c r="A343" s="74">
        <v>332330013</v>
      </c>
      <c r="B343" s="67"/>
      <c r="C343" s="63" t="s">
        <v>1075</v>
      </c>
      <c r="D343" s="65" t="s">
        <v>124</v>
      </c>
      <c r="E343" s="67" t="s">
        <v>27</v>
      </c>
      <c r="F343" s="48" t="s">
        <v>1076</v>
      </c>
      <c r="G343" s="12" t="s">
        <v>1077</v>
      </c>
      <c r="H343" s="6"/>
      <c r="I343" s="6"/>
      <c r="J343" s="6" t="s">
        <v>956</v>
      </c>
      <c r="K343" s="6" t="s">
        <v>1078</v>
      </c>
      <c r="L343" s="6"/>
      <c r="M343" s="6"/>
      <c r="N343" s="6" t="s">
        <v>360</v>
      </c>
      <c r="O343" s="6" t="s">
        <v>978</v>
      </c>
      <c r="P343" s="13">
        <v>180</v>
      </c>
      <c r="Q343" s="6">
        <v>250</v>
      </c>
      <c r="R343" s="6" t="s">
        <v>35</v>
      </c>
      <c r="S343" s="6"/>
      <c r="T343" s="6" t="s">
        <v>30</v>
      </c>
      <c r="U343" s="6"/>
      <c r="V343" s="3" t="s">
        <v>36</v>
      </c>
      <c r="W343" s="6" t="s">
        <v>1049</v>
      </c>
    </row>
    <row r="344" spans="1:23" s="11" customFormat="1" ht="15.5">
      <c r="A344" s="74">
        <v>332330014</v>
      </c>
      <c r="B344" s="67"/>
      <c r="C344" s="63" t="s">
        <v>1079</v>
      </c>
      <c r="D344" s="65" t="s">
        <v>124</v>
      </c>
      <c r="E344" s="67" t="s">
        <v>27</v>
      </c>
      <c r="F344" s="48" t="s">
        <v>1080</v>
      </c>
      <c r="G344" s="12" t="s">
        <v>1081</v>
      </c>
      <c r="H344" s="6"/>
      <c r="I344" s="6"/>
      <c r="J344" s="6" t="s">
        <v>956</v>
      </c>
      <c r="K344" s="6" t="s">
        <v>1070</v>
      </c>
      <c r="L344" s="6"/>
      <c r="M344" s="6"/>
      <c r="N344" s="6" t="s">
        <v>360</v>
      </c>
      <c r="O344" s="6" t="s">
        <v>978</v>
      </c>
      <c r="P344" s="13">
        <v>290</v>
      </c>
      <c r="Q344" s="6">
        <v>390</v>
      </c>
      <c r="R344" s="6" t="s">
        <v>35</v>
      </c>
      <c r="S344" s="6"/>
      <c r="T344" s="6" t="s">
        <v>30</v>
      </c>
      <c r="U344" s="6"/>
      <c r="V344" s="3" t="s">
        <v>36</v>
      </c>
      <c r="W344" s="6" t="s">
        <v>1049</v>
      </c>
    </row>
    <row r="345" spans="1:23" s="11" customFormat="1" ht="15.5">
      <c r="A345" s="74">
        <v>552330003</v>
      </c>
      <c r="B345" s="67" t="s">
        <v>1082</v>
      </c>
      <c r="C345" s="63" t="s">
        <v>1083</v>
      </c>
      <c r="D345" s="65" t="s">
        <v>124</v>
      </c>
      <c r="E345" s="67" t="s">
        <v>27</v>
      </c>
      <c r="F345" s="48" t="s">
        <v>1084</v>
      </c>
      <c r="G345" s="12" t="s">
        <v>1085</v>
      </c>
      <c r="H345" s="6"/>
      <c r="I345" s="6"/>
      <c r="J345" s="6" t="s">
        <v>1086</v>
      </c>
      <c r="K345" s="6" t="s">
        <v>446</v>
      </c>
      <c r="L345" s="6" t="s">
        <v>1004</v>
      </c>
      <c r="M345" s="6" t="s">
        <v>1009</v>
      </c>
      <c r="N345" s="6" t="s">
        <v>360</v>
      </c>
      <c r="O345" s="6" t="s">
        <v>978</v>
      </c>
      <c r="P345" s="13">
        <v>400</v>
      </c>
      <c r="Q345" s="6">
        <v>750</v>
      </c>
      <c r="R345" s="6" t="s">
        <v>35</v>
      </c>
      <c r="S345" s="6"/>
      <c r="T345" s="6" t="s">
        <v>30</v>
      </c>
      <c r="U345" s="6"/>
      <c r="V345" s="3" t="s">
        <v>36</v>
      </c>
      <c r="W345" s="6" t="s">
        <v>1087</v>
      </c>
    </row>
    <row r="346" spans="1:23" s="11" customFormat="1" ht="15.5">
      <c r="A346" s="74">
        <v>564330022</v>
      </c>
      <c r="B346" s="77"/>
      <c r="C346" s="63" t="s">
        <v>1088</v>
      </c>
      <c r="D346" s="65" t="s">
        <v>124</v>
      </c>
      <c r="E346" s="67" t="s">
        <v>668</v>
      </c>
      <c r="F346" s="48" t="s">
        <v>1089</v>
      </c>
      <c r="G346" s="12" t="s">
        <v>1090</v>
      </c>
      <c r="H346" s="6"/>
      <c r="I346" s="6"/>
      <c r="J346" s="6" t="s">
        <v>956</v>
      </c>
      <c r="K346" s="6" t="s">
        <v>1091</v>
      </c>
      <c r="L346" s="6" t="s">
        <v>578</v>
      </c>
      <c r="M346" s="6" t="s">
        <v>957</v>
      </c>
      <c r="N346" s="6" t="s">
        <v>360</v>
      </c>
      <c r="O346" s="6" t="s">
        <v>978</v>
      </c>
      <c r="P346" s="13">
        <v>19</v>
      </c>
      <c r="Q346" s="6">
        <v>30</v>
      </c>
      <c r="R346" s="6" t="s">
        <v>35</v>
      </c>
      <c r="S346" s="6"/>
      <c r="T346" s="6" t="s">
        <v>30</v>
      </c>
      <c r="U346" s="6"/>
      <c r="V346" s="3" t="s">
        <v>36</v>
      </c>
      <c r="W346" s="6" t="s">
        <v>365</v>
      </c>
    </row>
    <row r="347" spans="1:23" s="11" customFormat="1" ht="15.5">
      <c r="A347" s="74">
        <v>557330002</v>
      </c>
      <c r="B347" s="67"/>
      <c r="C347" s="63" t="s">
        <v>1092</v>
      </c>
      <c r="D347" s="65" t="s">
        <v>124</v>
      </c>
      <c r="E347" s="67" t="s">
        <v>27</v>
      </c>
      <c r="F347" s="48" t="s">
        <v>1093</v>
      </c>
      <c r="G347" s="12" t="s">
        <v>1094</v>
      </c>
      <c r="H347" s="6"/>
      <c r="I347" s="6"/>
      <c r="J347" s="6" t="s">
        <v>119</v>
      </c>
      <c r="K347" s="6" t="s">
        <v>1095</v>
      </c>
      <c r="L347" s="6"/>
      <c r="M347" s="6"/>
      <c r="N347" s="6" t="s">
        <v>360</v>
      </c>
      <c r="O347" s="6" t="s">
        <v>978</v>
      </c>
      <c r="P347" s="13">
        <v>700</v>
      </c>
      <c r="Q347" s="6">
        <v>850</v>
      </c>
      <c r="R347" s="6" t="s">
        <v>35</v>
      </c>
      <c r="S347" s="6"/>
      <c r="T347" s="6" t="s">
        <v>30</v>
      </c>
      <c r="U347" s="6"/>
      <c r="V347" s="3" t="s">
        <v>36</v>
      </c>
      <c r="W347" s="6" t="s">
        <v>1096</v>
      </c>
    </row>
    <row r="348" spans="1:23" s="11" customFormat="1" ht="15.5">
      <c r="A348" s="74">
        <v>557330003</v>
      </c>
      <c r="B348" s="67"/>
      <c r="C348" s="63" t="s">
        <v>1097</v>
      </c>
      <c r="D348" s="65" t="s">
        <v>124</v>
      </c>
      <c r="E348" s="67" t="s">
        <v>27</v>
      </c>
      <c r="F348" s="48" t="s">
        <v>1098</v>
      </c>
      <c r="G348" s="12" t="s">
        <v>1099</v>
      </c>
      <c r="H348" s="6"/>
      <c r="I348" s="6"/>
      <c r="J348" s="6" t="s">
        <v>119</v>
      </c>
      <c r="K348" s="6" t="s">
        <v>1095</v>
      </c>
      <c r="L348" s="6"/>
      <c r="M348" s="6"/>
      <c r="N348" s="6" t="s">
        <v>360</v>
      </c>
      <c r="O348" s="6" t="s">
        <v>978</v>
      </c>
      <c r="P348" s="13">
        <v>900</v>
      </c>
      <c r="Q348" s="21">
        <v>1200</v>
      </c>
      <c r="R348" s="6" t="s">
        <v>35</v>
      </c>
      <c r="S348" s="6"/>
      <c r="T348" s="6" t="s">
        <v>30</v>
      </c>
      <c r="U348" s="6"/>
      <c r="V348" s="3" t="s">
        <v>36</v>
      </c>
      <c r="W348" s="6" t="s">
        <v>1096</v>
      </c>
    </row>
    <row r="349" spans="1:23" s="11" customFormat="1" ht="15.5">
      <c r="A349" s="74">
        <v>558330004</v>
      </c>
      <c r="B349" s="67"/>
      <c r="C349" s="63" t="s">
        <v>1100</v>
      </c>
      <c r="D349" s="65" t="s">
        <v>124</v>
      </c>
      <c r="E349" s="67" t="s">
        <v>266</v>
      </c>
      <c r="F349" s="48" t="s">
        <v>1101</v>
      </c>
      <c r="G349" s="12" t="s">
        <v>1102</v>
      </c>
      <c r="H349" s="6"/>
      <c r="I349" s="6"/>
      <c r="J349" s="6" t="s">
        <v>119</v>
      </c>
      <c r="K349" s="6" t="s">
        <v>1103</v>
      </c>
      <c r="L349" s="6"/>
      <c r="M349" s="6"/>
      <c r="N349" s="6" t="s">
        <v>360</v>
      </c>
      <c r="O349" s="6" t="s">
        <v>978</v>
      </c>
      <c r="P349" s="13">
        <v>700</v>
      </c>
      <c r="Q349" s="21">
        <v>1200</v>
      </c>
      <c r="R349" s="6" t="s">
        <v>35</v>
      </c>
      <c r="S349" s="6"/>
      <c r="T349" s="6" t="s">
        <v>30</v>
      </c>
      <c r="U349" s="6"/>
      <c r="V349" s="3" t="s">
        <v>36</v>
      </c>
      <c r="W349" s="6" t="s">
        <v>1362</v>
      </c>
    </row>
    <row r="350" spans="1:23" s="11" customFormat="1" ht="15.5">
      <c r="A350" s="74">
        <v>446340085</v>
      </c>
      <c r="B350" s="78"/>
      <c r="C350" s="63" t="s">
        <v>1104</v>
      </c>
      <c r="D350" s="65" t="s">
        <v>124</v>
      </c>
      <c r="E350" s="67" t="s">
        <v>86</v>
      </c>
      <c r="F350" s="48" t="s">
        <v>1105</v>
      </c>
      <c r="G350" s="12" t="s">
        <v>1106</v>
      </c>
      <c r="H350" s="6"/>
      <c r="I350" s="6"/>
      <c r="J350" s="6" t="s">
        <v>956</v>
      </c>
      <c r="K350" s="6" t="s">
        <v>1107</v>
      </c>
      <c r="L350" s="6" t="s">
        <v>1107</v>
      </c>
      <c r="M350" s="6" t="s">
        <v>200</v>
      </c>
      <c r="N350" s="6" t="s">
        <v>360</v>
      </c>
      <c r="O350" s="6" t="s">
        <v>978</v>
      </c>
      <c r="P350" s="13">
        <v>40</v>
      </c>
      <c r="Q350" s="6">
        <v>65</v>
      </c>
      <c r="R350" s="6" t="s">
        <v>35</v>
      </c>
      <c r="S350" s="6"/>
      <c r="T350" s="6" t="s">
        <v>30</v>
      </c>
      <c r="U350" s="6"/>
      <c r="V350" s="3" t="s">
        <v>36</v>
      </c>
      <c r="W350" s="6" t="s">
        <v>1361</v>
      </c>
    </row>
    <row r="351" spans="1:23" s="11" customFormat="1" ht="31">
      <c r="A351" s="74">
        <v>446340085</v>
      </c>
      <c r="B351" s="67" t="s">
        <v>1109</v>
      </c>
      <c r="C351" s="63" t="s">
        <v>1104</v>
      </c>
      <c r="D351" s="65" t="s">
        <v>124</v>
      </c>
      <c r="E351" s="67" t="s">
        <v>53</v>
      </c>
      <c r="F351" s="48" t="s">
        <v>1110</v>
      </c>
      <c r="G351" s="12" t="s">
        <v>1111</v>
      </c>
      <c r="H351" s="6"/>
      <c r="I351" s="6"/>
      <c r="J351" s="6" t="s">
        <v>956</v>
      </c>
      <c r="K351" s="13" t="s">
        <v>1112</v>
      </c>
      <c r="L351" s="13" t="s">
        <v>1112</v>
      </c>
      <c r="M351" s="13" t="s">
        <v>1112</v>
      </c>
      <c r="N351" s="6" t="s">
        <v>360</v>
      </c>
      <c r="O351" s="6" t="s">
        <v>978</v>
      </c>
      <c r="P351" s="13">
        <v>300</v>
      </c>
      <c r="Q351" s="6">
        <v>350</v>
      </c>
      <c r="R351" s="6" t="s">
        <v>35</v>
      </c>
      <c r="S351" s="6"/>
      <c r="T351" s="6" t="s">
        <v>30</v>
      </c>
      <c r="U351" s="6"/>
      <c r="V351" s="3" t="s">
        <v>36</v>
      </c>
      <c r="W351" s="6" t="s">
        <v>1113</v>
      </c>
    </row>
    <row r="352" spans="1:23" s="11" customFormat="1" ht="31">
      <c r="A352" s="70">
        <v>777330021</v>
      </c>
      <c r="B352" s="67"/>
      <c r="C352" s="63" t="s">
        <v>1114</v>
      </c>
      <c r="D352" s="65" t="s">
        <v>124</v>
      </c>
      <c r="E352" s="67" t="s">
        <v>27</v>
      </c>
      <c r="F352" s="48" t="s">
        <v>1115</v>
      </c>
      <c r="G352" s="22" t="s">
        <v>1116</v>
      </c>
      <c r="H352" s="6"/>
      <c r="I352" s="6"/>
      <c r="J352" s="6" t="s">
        <v>517</v>
      </c>
      <c r="K352" s="13" t="s">
        <v>947</v>
      </c>
      <c r="L352" s="13" t="s">
        <v>578</v>
      </c>
      <c r="M352" s="13" t="s">
        <v>1117</v>
      </c>
      <c r="N352" s="6" t="s">
        <v>360</v>
      </c>
      <c r="O352" s="6" t="s">
        <v>978</v>
      </c>
      <c r="P352" s="13">
        <v>300</v>
      </c>
      <c r="Q352" s="6">
        <v>390</v>
      </c>
      <c r="S352" s="6" t="s">
        <v>35</v>
      </c>
      <c r="T352" s="6" t="s">
        <v>30</v>
      </c>
      <c r="V352" s="3" t="s">
        <v>36</v>
      </c>
      <c r="W352" s="6" t="s">
        <v>870</v>
      </c>
    </row>
    <row r="353" spans="1:23" s="11" customFormat="1" ht="31">
      <c r="A353" s="70">
        <v>110340039</v>
      </c>
      <c r="B353" s="67"/>
      <c r="C353" s="63" t="s">
        <v>1118</v>
      </c>
      <c r="D353" s="65" t="s">
        <v>126</v>
      </c>
      <c r="E353" s="67" t="s">
        <v>27</v>
      </c>
      <c r="F353" s="48" t="s">
        <v>1119</v>
      </c>
      <c r="G353" s="22" t="s">
        <v>1120</v>
      </c>
      <c r="H353" s="6"/>
      <c r="I353" s="6"/>
      <c r="J353" s="6" t="s">
        <v>956</v>
      </c>
      <c r="K353" s="13" t="s">
        <v>1121</v>
      </c>
      <c r="L353" s="13" t="s">
        <v>446</v>
      </c>
      <c r="M353" s="13"/>
      <c r="N353" s="6" t="s">
        <v>360</v>
      </c>
      <c r="O353" s="6" t="s">
        <v>978</v>
      </c>
      <c r="P353" s="13">
        <v>50</v>
      </c>
      <c r="Q353" s="6">
        <v>65</v>
      </c>
      <c r="S353" s="6" t="s">
        <v>35</v>
      </c>
      <c r="T353" s="6" t="s">
        <v>30</v>
      </c>
      <c r="V353" s="3" t="s">
        <v>36</v>
      </c>
      <c r="W353" s="6" t="s">
        <v>1122</v>
      </c>
    </row>
    <row r="354" spans="1:23" s="11" customFormat="1" ht="15.5">
      <c r="A354" s="70">
        <v>556350007</v>
      </c>
      <c r="B354" s="67" t="s">
        <v>1123</v>
      </c>
      <c r="C354" s="63" t="s">
        <v>1124</v>
      </c>
      <c r="D354" s="65" t="s">
        <v>697</v>
      </c>
      <c r="E354" s="67" t="s">
        <v>53</v>
      </c>
      <c r="F354" s="48" t="s">
        <v>1125</v>
      </c>
      <c r="G354" s="12" t="s">
        <v>1126</v>
      </c>
      <c r="H354" s="6"/>
      <c r="I354" s="6"/>
      <c r="J354" s="6" t="s">
        <v>45</v>
      </c>
      <c r="K354" s="13" t="s">
        <v>1127</v>
      </c>
      <c r="L354" s="13" t="s">
        <v>1107</v>
      </c>
      <c r="M354" s="13" t="s">
        <v>200</v>
      </c>
      <c r="N354" s="6" t="s">
        <v>360</v>
      </c>
      <c r="O354" s="6" t="s">
        <v>978</v>
      </c>
      <c r="P354" s="13">
        <v>25</v>
      </c>
      <c r="Q354" s="6">
        <v>35</v>
      </c>
      <c r="R354" s="6" t="s">
        <v>83</v>
      </c>
      <c r="T354" s="6" t="s">
        <v>1128</v>
      </c>
      <c r="V354" s="3" t="s">
        <v>36</v>
      </c>
      <c r="W354" s="6" t="s">
        <v>1129</v>
      </c>
    </row>
    <row r="355" spans="1:23" s="11" customFormat="1" ht="31">
      <c r="A355" s="70">
        <v>112330007</v>
      </c>
      <c r="B355" s="67" t="s">
        <v>1130</v>
      </c>
      <c r="C355" s="63" t="s">
        <v>1131</v>
      </c>
      <c r="D355" s="65" t="s">
        <v>124</v>
      </c>
      <c r="E355" s="67" t="s">
        <v>266</v>
      </c>
      <c r="F355" s="48" t="s">
        <v>1132</v>
      </c>
      <c r="G355" s="22" t="s">
        <v>1133</v>
      </c>
      <c r="H355" s="6"/>
      <c r="I355" s="6"/>
      <c r="J355" s="6" t="s">
        <v>517</v>
      </c>
      <c r="K355" s="13" t="s">
        <v>1134</v>
      </c>
      <c r="L355" s="13" t="s">
        <v>446</v>
      </c>
      <c r="M355" s="13" t="s">
        <v>1004</v>
      </c>
      <c r="N355" s="6" t="s">
        <v>360</v>
      </c>
      <c r="O355" s="6" t="s">
        <v>978</v>
      </c>
      <c r="P355" s="13">
        <v>250</v>
      </c>
      <c r="Q355" s="6">
        <v>450</v>
      </c>
      <c r="R355" s="6" t="s">
        <v>35</v>
      </c>
      <c r="T355" s="6" t="s">
        <v>30</v>
      </c>
      <c r="V355" s="3" t="s">
        <v>36</v>
      </c>
      <c r="W355" s="6" t="s">
        <v>701</v>
      </c>
    </row>
    <row r="356" spans="1:23" s="11" customFormat="1" ht="31">
      <c r="A356" s="70">
        <v>112330015</v>
      </c>
      <c r="B356" s="67" t="s">
        <v>1130</v>
      </c>
      <c r="C356" s="63" t="s">
        <v>1135</v>
      </c>
      <c r="D356" s="65" t="s">
        <v>124</v>
      </c>
      <c r="E356" s="67" t="s">
        <v>266</v>
      </c>
      <c r="F356" s="48" t="s">
        <v>1132</v>
      </c>
      <c r="G356" s="22" t="s">
        <v>1136</v>
      </c>
      <c r="H356" s="6"/>
      <c r="I356" s="6"/>
      <c r="J356" s="6" t="s">
        <v>517</v>
      </c>
      <c r="K356" s="13" t="s">
        <v>1134</v>
      </c>
      <c r="L356" s="13" t="s">
        <v>446</v>
      </c>
      <c r="M356" s="13" t="s">
        <v>1004</v>
      </c>
      <c r="N356" s="6" t="s">
        <v>360</v>
      </c>
      <c r="O356" s="6" t="s">
        <v>978</v>
      </c>
      <c r="P356" s="13">
        <v>350</v>
      </c>
      <c r="Q356" s="6">
        <v>550</v>
      </c>
      <c r="R356" s="6" t="s">
        <v>35</v>
      </c>
      <c r="T356" s="6" t="s">
        <v>30</v>
      </c>
      <c r="V356" s="3" t="s">
        <v>36</v>
      </c>
      <c r="W356" s="6" t="s">
        <v>701</v>
      </c>
    </row>
    <row r="357" spans="1:23" s="11" customFormat="1" ht="31">
      <c r="A357" s="70">
        <v>880140016</v>
      </c>
      <c r="B357" s="67"/>
      <c r="C357" s="63" t="s">
        <v>1137</v>
      </c>
      <c r="D357" s="65" t="s">
        <v>126</v>
      </c>
      <c r="E357" s="67" t="s">
        <v>27</v>
      </c>
      <c r="F357" s="48" t="s">
        <v>1138</v>
      </c>
      <c r="G357" s="22" t="s">
        <v>1139</v>
      </c>
      <c r="H357" s="6"/>
      <c r="I357" s="6"/>
      <c r="J357" s="6" t="s">
        <v>956</v>
      </c>
      <c r="K357" s="13" t="s">
        <v>1004</v>
      </c>
      <c r="L357" s="13"/>
      <c r="M357" s="13"/>
      <c r="N357" s="6" t="s">
        <v>360</v>
      </c>
      <c r="O357" s="6" t="s">
        <v>978</v>
      </c>
      <c r="P357" s="13">
        <v>380</v>
      </c>
      <c r="Q357" s="6">
        <v>700</v>
      </c>
      <c r="R357" s="6" t="s">
        <v>35</v>
      </c>
      <c r="T357" s="6" t="s">
        <v>30</v>
      </c>
      <c r="V357" s="3" t="s">
        <v>36</v>
      </c>
      <c r="W357" s="6" t="s">
        <v>1140</v>
      </c>
    </row>
    <row r="358" spans="1:23" s="11" customFormat="1" ht="31">
      <c r="A358" s="70">
        <v>894340025</v>
      </c>
      <c r="B358" s="67"/>
      <c r="C358" s="63" t="s">
        <v>1141</v>
      </c>
      <c r="D358" s="65" t="s">
        <v>126</v>
      </c>
      <c r="E358" s="67" t="s">
        <v>27</v>
      </c>
      <c r="F358" s="47" t="s">
        <v>56</v>
      </c>
      <c r="G358" s="22" t="s">
        <v>1142</v>
      </c>
      <c r="H358" s="4"/>
      <c r="I358" s="4"/>
      <c r="J358" s="4" t="s">
        <v>58</v>
      </c>
      <c r="K358" s="13" t="s">
        <v>642</v>
      </c>
      <c r="L358" s="4"/>
      <c r="M358" s="4"/>
      <c r="N358" s="6" t="s">
        <v>360</v>
      </c>
      <c r="O358" s="6" t="s">
        <v>978</v>
      </c>
      <c r="P358" s="8">
        <v>100</v>
      </c>
      <c r="Q358" s="4">
        <v>120</v>
      </c>
      <c r="R358" s="4" t="s">
        <v>83</v>
      </c>
      <c r="T358" s="4" t="s">
        <v>30</v>
      </c>
      <c r="V358" s="3" t="s">
        <v>36</v>
      </c>
      <c r="W358" s="6" t="s">
        <v>718</v>
      </c>
    </row>
    <row r="359" spans="1:23" s="11" customFormat="1" ht="31">
      <c r="A359" s="70">
        <v>894340028</v>
      </c>
      <c r="B359" s="67"/>
      <c r="C359" s="63" t="s">
        <v>1143</v>
      </c>
      <c r="D359" s="65" t="s">
        <v>126</v>
      </c>
      <c r="E359" s="67" t="s">
        <v>27</v>
      </c>
      <c r="F359" s="47" t="s">
        <v>56</v>
      </c>
      <c r="G359" s="22" t="s">
        <v>1144</v>
      </c>
      <c r="H359" s="4"/>
      <c r="I359" s="4"/>
      <c r="J359" s="4" t="s">
        <v>58</v>
      </c>
      <c r="K359" s="13" t="s">
        <v>642</v>
      </c>
      <c r="L359" s="4"/>
      <c r="M359" s="4"/>
      <c r="N359" s="6" t="s">
        <v>360</v>
      </c>
      <c r="O359" s="6" t="s">
        <v>978</v>
      </c>
      <c r="P359" s="8">
        <v>85</v>
      </c>
      <c r="Q359" s="4">
        <v>100</v>
      </c>
      <c r="R359" s="4" t="s">
        <v>83</v>
      </c>
      <c r="T359" s="4" t="s">
        <v>30</v>
      </c>
      <c r="V359" s="3" t="s">
        <v>36</v>
      </c>
      <c r="W359" s="6" t="s">
        <v>718</v>
      </c>
    </row>
    <row r="360" spans="1:23" s="11" customFormat="1" ht="31">
      <c r="A360" s="70">
        <v>896140020</v>
      </c>
      <c r="B360" s="67"/>
      <c r="C360" s="63" t="s">
        <v>1145</v>
      </c>
      <c r="D360" s="65" t="s">
        <v>126</v>
      </c>
      <c r="E360" s="67" t="s">
        <v>726</v>
      </c>
      <c r="F360" s="48" t="s">
        <v>1146</v>
      </c>
      <c r="G360" s="22" t="s">
        <v>1147</v>
      </c>
      <c r="H360" s="6"/>
      <c r="I360" s="6"/>
      <c r="J360" s="6" t="s">
        <v>956</v>
      </c>
      <c r="K360" s="13" t="s">
        <v>242</v>
      </c>
      <c r="L360" s="13"/>
      <c r="M360" s="13"/>
      <c r="N360" s="6" t="s">
        <v>360</v>
      </c>
      <c r="O360" s="6" t="s">
        <v>978</v>
      </c>
      <c r="P360" s="13">
        <v>350</v>
      </c>
      <c r="Q360" s="6">
        <v>450</v>
      </c>
      <c r="R360" s="6"/>
      <c r="T360" s="4" t="s">
        <v>30</v>
      </c>
      <c r="V360" s="3" t="s">
        <v>36</v>
      </c>
      <c r="W360" s="6" t="s">
        <v>1363</v>
      </c>
    </row>
    <row r="361" spans="1:23" s="11" customFormat="1" ht="31">
      <c r="A361" s="70">
        <v>890130003</v>
      </c>
      <c r="B361" s="67"/>
      <c r="C361" s="63" t="s">
        <v>1149</v>
      </c>
      <c r="D361" s="65" t="s">
        <v>124</v>
      </c>
      <c r="E361" s="67" t="s">
        <v>81</v>
      </c>
      <c r="F361" s="48" t="s">
        <v>1150</v>
      </c>
      <c r="G361" s="22" t="s">
        <v>1151</v>
      </c>
      <c r="H361" s="6"/>
      <c r="I361" s="6"/>
      <c r="J361" s="6" t="s">
        <v>119</v>
      </c>
      <c r="K361" s="13" t="s">
        <v>1004</v>
      </c>
      <c r="L361" s="13" t="s">
        <v>446</v>
      </c>
      <c r="M361" s="13" t="s">
        <v>1004</v>
      </c>
      <c r="N361" s="6" t="s">
        <v>360</v>
      </c>
      <c r="O361" s="6" t="s">
        <v>978</v>
      </c>
      <c r="P361" s="13">
        <v>100</v>
      </c>
      <c r="Q361" s="6">
        <v>180</v>
      </c>
      <c r="R361" s="6" t="s">
        <v>35</v>
      </c>
      <c r="T361" s="4" t="s">
        <v>30</v>
      </c>
      <c r="V361" s="3" t="s">
        <v>36</v>
      </c>
      <c r="W361" s="6" t="s">
        <v>1152</v>
      </c>
    </row>
    <row r="362" spans="1:23" s="11" customFormat="1" ht="31">
      <c r="A362" s="70">
        <v>770340015</v>
      </c>
      <c r="B362" s="67"/>
      <c r="C362" s="63" t="s">
        <v>1153</v>
      </c>
      <c r="D362" s="65" t="s">
        <v>126</v>
      </c>
      <c r="E362" s="67" t="s">
        <v>27</v>
      </c>
      <c r="F362" s="48" t="s">
        <v>1154</v>
      </c>
      <c r="G362" s="22" t="s">
        <v>1155</v>
      </c>
      <c r="H362" s="6"/>
      <c r="I362" s="6"/>
      <c r="J362" s="4" t="s">
        <v>58</v>
      </c>
      <c r="K362" s="13" t="s">
        <v>1156</v>
      </c>
      <c r="L362" s="13" t="s">
        <v>1156</v>
      </c>
      <c r="M362" s="13" t="s">
        <v>1156</v>
      </c>
      <c r="N362" s="6" t="s">
        <v>360</v>
      </c>
      <c r="O362" s="6" t="s">
        <v>978</v>
      </c>
      <c r="P362" s="13">
        <v>30</v>
      </c>
      <c r="Q362" s="6">
        <v>65</v>
      </c>
      <c r="R362" s="6" t="s">
        <v>83</v>
      </c>
      <c r="T362" s="6"/>
      <c r="V362" s="3" t="s">
        <v>36</v>
      </c>
      <c r="W362" s="6" t="s">
        <v>1157</v>
      </c>
    </row>
    <row r="363" spans="1:23" s="11" customFormat="1" ht="31">
      <c r="A363" s="70">
        <v>770340017</v>
      </c>
      <c r="B363" s="67" t="s">
        <v>407</v>
      </c>
      <c r="C363" s="63" t="s">
        <v>1158</v>
      </c>
      <c r="D363" s="65" t="s">
        <v>126</v>
      </c>
      <c r="E363" s="67" t="s">
        <v>393</v>
      </c>
      <c r="F363" s="48" t="s">
        <v>735</v>
      </c>
      <c r="G363" s="22" t="s">
        <v>1159</v>
      </c>
      <c r="H363" s="6"/>
      <c r="I363" s="6"/>
      <c r="J363" s="6" t="s">
        <v>58</v>
      </c>
      <c r="K363" s="13" t="s">
        <v>947</v>
      </c>
      <c r="L363" s="13" t="s">
        <v>578</v>
      </c>
      <c r="M363" s="13" t="s">
        <v>578</v>
      </c>
      <c r="N363" s="6" t="s">
        <v>360</v>
      </c>
      <c r="O363" s="6" t="s">
        <v>978</v>
      </c>
      <c r="P363" s="13">
        <v>40</v>
      </c>
      <c r="Q363" s="6"/>
      <c r="R363" s="6" t="s">
        <v>35</v>
      </c>
      <c r="T363" s="6" t="s">
        <v>30</v>
      </c>
      <c r="V363" s="3" t="s">
        <v>36</v>
      </c>
      <c r="W363" s="6" t="s">
        <v>1759</v>
      </c>
    </row>
    <row r="364" spans="1:23" s="11" customFormat="1" ht="31">
      <c r="A364" s="71">
        <v>619340018</v>
      </c>
      <c r="B364" s="72"/>
      <c r="C364" s="63" t="s">
        <v>1160</v>
      </c>
      <c r="D364" s="65" t="s">
        <v>126</v>
      </c>
      <c r="E364" s="72" t="s">
        <v>266</v>
      </c>
      <c r="F364" s="51" t="s">
        <v>738</v>
      </c>
      <c r="G364" s="24" t="s">
        <v>1161</v>
      </c>
      <c r="H364" s="25"/>
      <c r="I364" s="25"/>
      <c r="J364" s="25" t="s">
        <v>517</v>
      </c>
      <c r="K364" s="26" t="s">
        <v>547</v>
      </c>
      <c r="L364" s="26"/>
      <c r="M364" s="26"/>
      <c r="N364" s="25" t="s">
        <v>360</v>
      </c>
      <c r="O364" s="25" t="s">
        <v>978</v>
      </c>
      <c r="P364" s="26">
        <v>400</v>
      </c>
      <c r="Q364" s="25">
        <v>550</v>
      </c>
      <c r="R364" s="25" t="s">
        <v>83</v>
      </c>
      <c r="T364" s="25" t="s">
        <v>30</v>
      </c>
      <c r="V364" s="3" t="s">
        <v>36</v>
      </c>
      <c r="W364" s="25" t="s">
        <v>740</v>
      </c>
    </row>
    <row r="365" spans="1:23" s="11" customFormat="1" ht="31">
      <c r="A365" s="70">
        <v>771340001</v>
      </c>
      <c r="B365" s="67"/>
      <c r="C365" s="63" t="s">
        <v>1162</v>
      </c>
      <c r="D365" s="65" t="s">
        <v>124</v>
      </c>
      <c r="E365" s="67" t="s">
        <v>27</v>
      </c>
      <c r="F365" s="48" t="s">
        <v>1163</v>
      </c>
      <c r="G365" s="22" t="s">
        <v>1164</v>
      </c>
      <c r="H365" s="6"/>
      <c r="I365" s="6"/>
      <c r="J365" s="6" t="s">
        <v>956</v>
      </c>
      <c r="K365" s="13" t="s">
        <v>947</v>
      </c>
      <c r="L365" s="13" t="s">
        <v>30</v>
      </c>
      <c r="M365" s="13" t="s">
        <v>30</v>
      </c>
      <c r="N365" s="6" t="s">
        <v>360</v>
      </c>
      <c r="O365" s="6" t="s">
        <v>978</v>
      </c>
      <c r="P365" s="13">
        <v>160</v>
      </c>
      <c r="Q365" s="6">
        <v>250</v>
      </c>
      <c r="R365" s="6" t="s">
        <v>35</v>
      </c>
      <c r="T365" s="6"/>
      <c r="V365" s="3" t="s">
        <v>36</v>
      </c>
      <c r="W365" s="6" t="s">
        <v>1165</v>
      </c>
    </row>
    <row r="366" spans="1:23" s="11" customFormat="1" ht="31">
      <c r="A366" s="70">
        <v>331330002</v>
      </c>
      <c r="B366" s="67"/>
      <c r="C366" s="63" t="s">
        <v>1166</v>
      </c>
      <c r="D366" s="65" t="s">
        <v>124</v>
      </c>
      <c r="E366" s="67" t="s">
        <v>266</v>
      </c>
      <c r="F366" s="52" t="s">
        <v>742</v>
      </c>
      <c r="G366" s="22" t="s">
        <v>1167</v>
      </c>
      <c r="H366" s="6"/>
      <c r="I366" s="6"/>
      <c r="J366" s="6" t="s">
        <v>517</v>
      </c>
      <c r="K366" s="13" t="s">
        <v>578</v>
      </c>
      <c r="L366" s="13" t="s">
        <v>446</v>
      </c>
      <c r="M366" s="13" t="s">
        <v>1004</v>
      </c>
      <c r="N366" s="6" t="s">
        <v>360</v>
      </c>
      <c r="O366" s="6" t="s">
        <v>978</v>
      </c>
      <c r="P366" s="13">
        <v>500</v>
      </c>
      <c r="Q366" s="6">
        <v>650</v>
      </c>
      <c r="R366" s="6"/>
      <c r="T366" s="6"/>
      <c r="V366" s="3" t="s">
        <v>36</v>
      </c>
      <c r="W366" s="6" t="s">
        <v>1168</v>
      </c>
    </row>
    <row r="367" spans="1:23" s="11" customFormat="1" ht="31">
      <c r="A367" s="70">
        <v>331330005</v>
      </c>
      <c r="B367" s="67"/>
      <c r="C367" s="63" t="s">
        <v>1169</v>
      </c>
      <c r="D367" s="65" t="s">
        <v>124</v>
      </c>
      <c r="E367" s="67" t="s">
        <v>27</v>
      </c>
      <c r="F367" s="48" t="s">
        <v>1170</v>
      </c>
      <c r="G367" s="22" t="s">
        <v>1171</v>
      </c>
      <c r="H367" s="6"/>
      <c r="I367" s="6"/>
      <c r="J367" s="6" t="s">
        <v>956</v>
      </c>
      <c r="K367" s="13"/>
      <c r="L367" s="13"/>
      <c r="M367" s="13"/>
      <c r="N367" s="6" t="s">
        <v>360</v>
      </c>
      <c r="O367" s="6" t="s">
        <v>978</v>
      </c>
      <c r="P367" s="13">
        <v>150</v>
      </c>
      <c r="Q367" s="6">
        <v>280</v>
      </c>
      <c r="R367" s="6" t="s">
        <v>35</v>
      </c>
      <c r="T367" s="6" t="s">
        <v>30</v>
      </c>
      <c r="V367" s="3" t="s">
        <v>36</v>
      </c>
      <c r="W367" s="6" t="s">
        <v>1172</v>
      </c>
    </row>
    <row r="368" spans="1:23" s="11" customFormat="1" ht="31">
      <c r="A368" s="70">
        <v>335140012</v>
      </c>
      <c r="B368" s="79"/>
      <c r="C368" s="63" t="s">
        <v>1173</v>
      </c>
      <c r="D368" s="65" t="s">
        <v>126</v>
      </c>
      <c r="E368" s="67" t="s">
        <v>27</v>
      </c>
      <c r="F368" s="48" t="s">
        <v>1174</v>
      </c>
      <c r="G368" s="22" t="s">
        <v>1175</v>
      </c>
      <c r="H368" s="6"/>
      <c r="I368" s="6"/>
      <c r="J368" s="6" t="s">
        <v>956</v>
      </c>
      <c r="K368" s="13" t="s">
        <v>447</v>
      </c>
      <c r="L368" s="13"/>
      <c r="M368" s="13"/>
      <c r="N368" s="6" t="s">
        <v>360</v>
      </c>
      <c r="O368" s="6" t="s">
        <v>978</v>
      </c>
      <c r="P368" s="13">
        <v>150</v>
      </c>
      <c r="Q368" s="6">
        <v>239</v>
      </c>
      <c r="R368" s="6" t="s">
        <v>83</v>
      </c>
      <c r="T368" s="6" t="s">
        <v>30</v>
      </c>
      <c r="V368" s="3" t="s">
        <v>36</v>
      </c>
      <c r="W368" s="6" t="s">
        <v>1365</v>
      </c>
    </row>
    <row r="369" spans="1:23" s="11" customFormat="1" ht="31">
      <c r="A369" s="70">
        <v>345340010</v>
      </c>
      <c r="B369" s="67"/>
      <c r="C369" s="63" t="s">
        <v>1176</v>
      </c>
      <c r="D369" s="65" t="s">
        <v>126</v>
      </c>
      <c r="E369" s="67" t="s">
        <v>27</v>
      </c>
      <c r="F369" s="48" t="s">
        <v>1177</v>
      </c>
      <c r="G369" s="22" t="s">
        <v>1178</v>
      </c>
      <c r="H369" s="6"/>
      <c r="I369" s="6"/>
      <c r="J369" s="6" t="s">
        <v>118</v>
      </c>
      <c r="K369" s="13" t="s">
        <v>578</v>
      </c>
      <c r="L369" s="13" t="s">
        <v>1134</v>
      </c>
      <c r="M369" s="13" t="s">
        <v>446</v>
      </c>
      <c r="N369" s="6" t="s">
        <v>360</v>
      </c>
      <c r="O369" s="6" t="s">
        <v>978</v>
      </c>
      <c r="P369" s="13">
        <v>35</v>
      </c>
      <c r="Q369" s="6">
        <v>50</v>
      </c>
      <c r="R369" s="6" t="s">
        <v>83</v>
      </c>
      <c r="T369" s="6"/>
      <c r="V369" s="3" t="s">
        <v>36</v>
      </c>
      <c r="W369" s="41" t="s">
        <v>1179</v>
      </c>
    </row>
    <row r="370" spans="1:23" s="11" customFormat="1" ht="31">
      <c r="A370" s="70">
        <v>345340011</v>
      </c>
      <c r="B370" s="67"/>
      <c r="C370" s="63" t="s">
        <v>1180</v>
      </c>
      <c r="D370" s="65" t="s">
        <v>126</v>
      </c>
      <c r="E370" s="67" t="s">
        <v>27</v>
      </c>
      <c r="F370" s="48" t="s">
        <v>1177</v>
      </c>
      <c r="G370" s="22" t="s">
        <v>1181</v>
      </c>
      <c r="H370" s="6"/>
      <c r="I370" s="6"/>
      <c r="J370" s="6" t="s">
        <v>118</v>
      </c>
      <c r="K370" s="13" t="s">
        <v>578</v>
      </c>
      <c r="L370" s="13" t="s">
        <v>1134</v>
      </c>
      <c r="M370" s="13" t="s">
        <v>446</v>
      </c>
      <c r="N370" s="6" t="s">
        <v>360</v>
      </c>
      <c r="O370" s="6" t="s">
        <v>978</v>
      </c>
      <c r="P370" s="13">
        <v>35</v>
      </c>
      <c r="Q370" s="6">
        <v>50</v>
      </c>
      <c r="R370" s="6" t="s">
        <v>83</v>
      </c>
      <c r="T370" s="6"/>
      <c r="V370" s="3" t="s">
        <v>36</v>
      </c>
      <c r="W370" s="42" t="s">
        <v>1179</v>
      </c>
    </row>
    <row r="371" spans="1:23" s="11" customFormat="1" ht="31">
      <c r="A371" s="70">
        <v>345330022</v>
      </c>
      <c r="B371" s="67"/>
      <c r="C371" s="63" t="s">
        <v>1182</v>
      </c>
      <c r="D371" s="65" t="s">
        <v>124</v>
      </c>
      <c r="E371" s="67" t="s">
        <v>27</v>
      </c>
      <c r="F371" s="50" t="s">
        <v>278</v>
      </c>
      <c r="G371" s="22" t="s">
        <v>1183</v>
      </c>
      <c r="H371" s="6"/>
      <c r="I371" s="6"/>
      <c r="J371" s="6" t="s">
        <v>118</v>
      </c>
      <c r="K371" s="19" t="s">
        <v>268</v>
      </c>
      <c r="L371" s="13"/>
      <c r="M371" s="13"/>
      <c r="N371" s="6" t="s">
        <v>360</v>
      </c>
      <c r="O371" s="6" t="s">
        <v>978</v>
      </c>
      <c r="P371" s="13">
        <v>600</v>
      </c>
      <c r="Q371" s="6">
        <v>850</v>
      </c>
      <c r="R371" s="4" t="s">
        <v>35</v>
      </c>
      <c r="T371" s="6" t="s">
        <v>30</v>
      </c>
      <c r="V371" s="3" t="s">
        <v>36</v>
      </c>
      <c r="W371" s="6" t="s">
        <v>280</v>
      </c>
    </row>
    <row r="372" spans="1:23" s="11" customFormat="1" ht="31">
      <c r="A372" s="70">
        <v>345330023</v>
      </c>
      <c r="B372" s="67"/>
      <c r="C372" s="63" t="s">
        <v>1184</v>
      </c>
      <c r="D372" s="65" t="s">
        <v>124</v>
      </c>
      <c r="E372" s="67" t="s">
        <v>27</v>
      </c>
      <c r="F372" s="50" t="s">
        <v>278</v>
      </c>
      <c r="G372" s="22" t="s">
        <v>1185</v>
      </c>
      <c r="H372" s="6"/>
      <c r="I372" s="6"/>
      <c r="J372" s="6" t="s">
        <v>118</v>
      </c>
      <c r="K372" s="19" t="s">
        <v>268</v>
      </c>
      <c r="L372" s="13"/>
      <c r="M372" s="13"/>
      <c r="N372" s="6" t="s">
        <v>360</v>
      </c>
      <c r="O372" s="6" t="s">
        <v>978</v>
      </c>
      <c r="P372" s="13">
        <v>400</v>
      </c>
      <c r="Q372" s="6">
        <v>650</v>
      </c>
      <c r="S372" s="4" t="s">
        <v>35</v>
      </c>
      <c r="T372" s="6" t="s">
        <v>30</v>
      </c>
      <c r="V372" s="3" t="s">
        <v>36</v>
      </c>
      <c r="W372" s="18" t="s">
        <v>280</v>
      </c>
    </row>
    <row r="373" spans="1:23" s="11" customFormat="1" ht="15.5">
      <c r="A373" s="70">
        <v>222340034</v>
      </c>
      <c r="B373" s="67"/>
      <c r="C373" s="63" t="s">
        <v>1186</v>
      </c>
      <c r="D373" s="65" t="s">
        <v>126</v>
      </c>
      <c r="E373" s="67" t="s">
        <v>81</v>
      </c>
      <c r="F373" s="48" t="s">
        <v>1187</v>
      </c>
      <c r="G373" s="12" t="s">
        <v>1188</v>
      </c>
      <c r="H373" s="6"/>
      <c r="I373" s="6"/>
      <c r="J373" s="6" t="s">
        <v>517</v>
      </c>
      <c r="K373" s="13" t="s">
        <v>1009</v>
      </c>
      <c r="L373" s="13"/>
      <c r="M373" s="13"/>
      <c r="N373" s="6" t="s">
        <v>360</v>
      </c>
      <c r="O373" s="6" t="s">
        <v>978</v>
      </c>
      <c r="P373" s="13">
        <v>500</v>
      </c>
      <c r="Q373" s="6">
        <v>650</v>
      </c>
      <c r="S373" s="6"/>
      <c r="T373" s="6" t="s">
        <v>30</v>
      </c>
      <c r="V373" s="3" t="s">
        <v>36</v>
      </c>
      <c r="W373" s="6" t="s">
        <v>1189</v>
      </c>
    </row>
    <row r="374" spans="1:23" s="11" customFormat="1" ht="15.5">
      <c r="A374" s="70">
        <v>222340035</v>
      </c>
      <c r="B374" s="67"/>
      <c r="C374" s="63" t="s">
        <v>1190</v>
      </c>
      <c r="D374" s="65" t="s">
        <v>126</v>
      </c>
      <c r="E374" s="67" t="s">
        <v>81</v>
      </c>
      <c r="F374" s="48" t="s">
        <v>1187</v>
      </c>
      <c r="G374" s="12" t="s">
        <v>1191</v>
      </c>
      <c r="H374" s="6"/>
      <c r="I374" s="6"/>
      <c r="J374" s="6" t="s">
        <v>517</v>
      </c>
      <c r="K374" s="13" t="s">
        <v>1009</v>
      </c>
      <c r="L374" s="13"/>
      <c r="M374" s="13"/>
      <c r="N374" s="6" t="s">
        <v>360</v>
      </c>
      <c r="O374" s="6" t="s">
        <v>978</v>
      </c>
      <c r="P374" s="13">
        <v>600</v>
      </c>
      <c r="Q374" s="6">
        <v>780</v>
      </c>
      <c r="S374" s="6"/>
      <c r="T374" s="6" t="s">
        <v>30</v>
      </c>
      <c r="V374" s="3" t="s">
        <v>36</v>
      </c>
      <c r="W374" s="6" t="s">
        <v>1189</v>
      </c>
    </row>
    <row r="375" spans="1:23" s="11" customFormat="1" ht="31">
      <c r="A375" s="70">
        <v>222340052</v>
      </c>
      <c r="B375" s="67"/>
      <c r="C375" s="63" t="s">
        <v>1192</v>
      </c>
      <c r="D375" s="65" t="s">
        <v>126</v>
      </c>
      <c r="E375" s="67" t="s">
        <v>81</v>
      </c>
      <c r="F375" s="48" t="s">
        <v>1193</v>
      </c>
      <c r="G375" s="22" t="s">
        <v>1194</v>
      </c>
      <c r="H375" s="6"/>
      <c r="I375" s="6"/>
      <c r="J375" s="6" t="s">
        <v>517</v>
      </c>
      <c r="K375" s="13" t="s">
        <v>446</v>
      </c>
      <c r="L375" s="13" t="s">
        <v>1009</v>
      </c>
      <c r="M375" s="13" t="s">
        <v>1195</v>
      </c>
      <c r="N375" s="6" t="s">
        <v>360</v>
      </c>
      <c r="O375" s="6" t="s">
        <v>978</v>
      </c>
      <c r="P375" s="13">
        <v>100</v>
      </c>
      <c r="Q375" s="6">
        <v>150</v>
      </c>
      <c r="R375" s="6" t="s">
        <v>83</v>
      </c>
      <c r="T375" s="6" t="s">
        <v>30</v>
      </c>
      <c r="V375" s="3" t="s">
        <v>36</v>
      </c>
      <c r="W375" s="6" t="s">
        <v>787</v>
      </c>
    </row>
    <row r="376" spans="1:23" s="11" customFormat="1" ht="31">
      <c r="A376" s="70">
        <v>220130019</v>
      </c>
      <c r="B376" s="67"/>
      <c r="C376" s="63" t="s">
        <v>1196</v>
      </c>
      <c r="D376" s="65" t="s">
        <v>124</v>
      </c>
      <c r="E376" s="67" t="s">
        <v>27</v>
      </c>
      <c r="F376" s="48" t="s">
        <v>1197</v>
      </c>
      <c r="G376" s="22" t="s">
        <v>1198</v>
      </c>
      <c r="H376" s="6"/>
      <c r="I376" s="6"/>
      <c r="J376" s="6" t="s">
        <v>517</v>
      </c>
      <c r="K376" s="13" t="s">
        <v>947</v>
      </c>
      <c r="L376" s="13" t="s">
        <v>957</v>
      </c>
      <c r="M376" s="13" t="s">
        <v>446</v>
      </c>
      <c r="N376" s="6" t="s">
        <v>360</v>
      </c>
      <c r="O376" s="6" t="s">
        <v>978</v>
      </c>
      <c r="P376" s="13">
        <v>20</v>
      </c>
      <c r="Q376" s="6">
        <v>35</v>
      </c>
      <c r="R376" s="6" t="s">
        <v>83</v>
      </c>
      <c r="T376" s="6" t="s">
        <v>30</v>
      </c>
      <c r="V376" s="3" t="s">
        <v>36</v>
      </c>
      <c r="W376" s="43" t="s">
        <v>1199</v>
      </c>
    </row>
    <row r="377" spans="1:23" s="11" customFormat="1" ht="31">
      <c r="A377" s="70">
        <v>113340021</v>
      </c>
      <c r="B377" s="67"/>
      <c r="C377" s="63" t="s">
        <v>1200</v>
      </c>
      <c r="D377" s="65" t="s">
        <v>124</v>
      </c>
      <c r="E377" s="67" t="s">
        <v>266</v>
      </c>
      <c r="F377" s="48" t="s">
        <v>1201</v>
      </c>
      <c r="G377" s="22" t="s">
        <v>1202</v>
      </c>
      <c r="H377" s="6"/>
      <c r="I377" s="6"/>
      <c r="J377" s="6" t="s">
        <v>517</v>
      </c>
      <c r="K377" s="13" t="s">
        <v>1004</v>
      </c>
      <c r="L377" s="13" t="s">
        <v>1203</v>
      </c>
      <c r="M377" s="13"/>
      <c r="N377" s="6" t="s">
        <v>360</v>
      </c>
      <c r="O377" s="6" t="s">
        <v>978</v>
      </c>
      <c r="P377" s="13">
        <v>80</v>
      </c>
      <c r="Q377" s="6">
        <v>150</v>
      </c>
      <c r="R377" s="6" t="s">
        <v>83</v>
      </c>
      <c r="T377" s="6"/>
      <c r="U377" s="6"/>
      <c r="V377" s="3" t="s">
        <v>36</v>
      </c>
      <c r="W377" s="6" t="s">
        <v>1204</v>
      </c>
    </row>
    <row r="378" spans="1:23" s="11" customFormat="1" ht="31">
      <c r="A378" s="70">
        <v>111340022</v>
      </c>
      <c r="B378" s="67" t="s">
        <v>1205</v>
      </c>
      <c r="C378" s="63" t="s">
        <v>1206</v>
      </c>
      <c r="D378" s="65" t="s">
        <v>124</v>
      </c>
      <c r="E378" s="67" t="s">
        <v>86</v>
      </c>
      <c r="F378" s="48" t="s">
        <v>1207</v>
      </c>
      <c r="G378" s="22" t="s">
        <v>1208</v>
      </c>
      <c r="H378" s="6"/>
      <c r="I378" s="6"/>
      <c r="J378" s="6" t="s">
        <v>99</v>
      </c>
      <c r="K378" s="13" t="s">
        <v>1209</v>
      </c>
      <c r="L378" s="13" t="s">
        <v>1209</v>
      </c>
      <c r="M378" s="13" t="s">
        <v>1209</v>
      </c>
      <c r="N378" s="6" t="s">
        <v>360</v>
      </c>
      <c r="O378" s="6" t="s">
        <v>978</v>
      </c>
      <c r="P378" s="13">
        <v>150</v>
      </c>
      <c r="Q378" s="6">
        <v>180</v>
      </c>
      <c r="R378" s="4" t="s">
        <v>35</v>
      </c>
      <c r="T378" s="6"/>
      <c r="U378" s="6"/>
      <c r="V378" s="3" t="s">
        <v>36</v>
      </c>
      <c r="W378" s="6" t="s">
        <v>1210</v>
      </c>
    </row>
    <row r="379" spans="1:23" s="11" customFormat="1" ht="31">
      <c r="A379" s="70">
        <v>111340023</v>
      </c>
      <c r="B379" s="67" t="s">
        <v>1205</v>
      </c>
      <c r="C379" s="63" t="s">
        <v>1211</v>
      </c>
      <c r="D379" s="65" t="s">
        <v>124</v>
      </c>
      <c r="E379" s="67" t="s">
        <v>86</v>
      </c>
      <c r="F379" s="48" t="s">
        <v>1207</v>
      </c>
      <c r="G379" s="22" t="s">
        <v>1208</v>
      </c>
      <c r="H379" s="6"/>
      <c r="I379" s="6"/>
      <c r="J379" s="6" t="s">
        <v>99</v>
      </c>
      <c r="K379" s="13" t="s">
        <v>1209</v>
      </c>
      <c r="L379" s="13" t="s">
        <v>1209</v>
      </c>
      <c r="M379" s="13" t="s">
        <v>1209</v>
      </c>
      <c r="N379" s="6" t="s">
        <v>360</v>
      </c>
      <c r="O379" s="6" t="s">
        <v>978</v>
      </c>
      <c r="P379" s="13">
        <v>150</v>
      </c>
      <c r="Q379" s="6">
        <v>180</v>
      </c>
      <c r="R379" s="4" t="s">
        <v>35</v>
      </c>
      <c r="T379" s="6"/>
      <c r="U379" s="6"/>
      <c r="V379" s="3" t="s">
        <v>36</v>
      </c>
      <c r="W379" s="6" t="s">
        <v>1210</v>
      </c>
    </row>
    <row r="380" spans="1:23" s="11" customFormat="1" ht="31">
      <c r="A380" s="70">
        <v>111340024</v>
      </c>
      <c r="B380" s="67" t="s">
        <v>1205</v>
      </c>
      <c r="C380" s="63" t="s">
        <v>1212</v>
      </c>
      <c r="D380" s="65" t="s">
        <v>124</v>
      </c>
      <c r="E380" s="67" t="s">
        <v>86</v>
      </c>
      <c r="F380" s="48" t="s">
        <v>1207</v>
      </c>
      <c r="G380" s="22" t="s">
        <v>1208</v>
      </c>
      <c r="H380" s="6"/>
      <c r="I380" s="6"/>
      <c r="J380" s="6" t="s">
        <v>99</v>
      </c>
      <c r="K380" s="13" t="s">
        <v>1209</v>
      </c>
      <c r="L380" s="13" t="s">
        <v>1209</v>
      </c>
      <c r="M380" s="13" t="s">
        <v>1209</v>
      </c>
      <c r="N380" s="6" t="s">
        <v>360</v>
      </c>
      <c r="O380" s="6" t="s">
        <v>978</v>
      </c>
      <c r="P380" s="13">
        <v>150</v>
      </c>
      <c r="Q380" s="6">
        <v>180</v>
      </c>
      <c r="R380" s="4" t="s">
        <v>35</v>
      </c>
      <c r="T380" s="6"/>
      <c r="U380" s="6"/>
      <c r="V380" s="3" t="s">
        <v>36</v>
      </c>
      <c r="W380" s="6" t="s">
        <v>1210</v>
      </c>
    </row>
    <row r="381" spans="1:23" s="11" customFormat="1" ht="31">
      <c r="A381" s="70">
        <v>774340008</v>
      </c>
      <c r="B381" s="67"/>
      <c r="C381" s="63" t="s">
        <v>1213</v>
      </c>
      <c r="D381" s="65" t="s">
        <v>126</v>
      </c>
      <c r="E381" s="67" t="s">
        <v>726</v>
      </c>
      <c r="F381" s="48" t="s">
        <v>1214</v>
      </c>
      <c r="G381" s="22" t="s">
        <v>1215</v>
      </c>
      <c r="H381" s="6"/>
      <c r="I381" s="6"/>
      <c r="J381" s="6" t="s">
        <v>1216</v>
      </c>
      <c r="K381" s="13" t="s">
        <v>446</v>
      </c>
      <c r="L381" s="13"/>
      <c r="M381" s="13"/>
      <c r="N381" s="6" t="s">
        <v>360</v>
      </c>
      <c r="O381" s="6" t="s">
        <v>978</v>
      </c>
      <c r="P381" s="37">
        <v>1700</v>
      </c>
      <c r="Q381" s="21">
        <v>2100</v>
      </c>
      <c r="R381" s="6" t="s">
        <v>83</v>
      </c>
      <c r="T381" s="6"/>
      <c r="U381" s="6"/>
      <c r="V381" s="3" t="s">
        <v>36</v>
      </c>
      <c r="W381" s="6" t="s">
        <v>1217</v>
      </c>
    </row>
    <row r="382" spans="1:23" s="11" customFormat="1" ht="31">
      <c r="A382" s="70">
        <v>774340009</v>
      </c>
      <c r="B382" s="67"/>
      <c r="C382" s="63" t="s">
        <v>1218</v>
      </c>
      <c r="D382" s="65" t="s">
        <v>126</v>
      </c>
      <c r="E382" s="67" t="s">
        <v>726</v>
      </c>
      <c r="F382" s="48" t="s">
        <v>1219</v>
      </c>
      <c r="G382" s="22" t="s">
        <v>1220</v>
      </c>
      <c r="H382" s="6"/>
      <c r="I382" s="6"/>
      <c r="J382" s="6" t="s">
        <v>1216</v>
      </c>
      <c r="K382" s="13" t="s">
        <v>446</v>
      </c>
      <c r="L382" s="13"/>
      <c r="M382" s="13"/>
      <c r="N382" s="6" t="s">
        <v>360</v>
      </c>
      <c r="O382" s="6" t="s">
        <v>978</v>
      </c>
      <c r="P382" s="13">
        <v>800</v>
      </c>
      <c r="Q382" s="21">
        <v>1000</v>
      </c>
      <c r="R382" s="6" t="s">
        <v>83</v>
      </c>
      <c r="T382" s="6"/>
      <c r="U382" s="6"/>
      <c r="V382" s="3" t="s">
        <v>36</v>
      </c>
      <c r="W382" s="6" t="s">
        <v>1217</v>
      </c>
    </row>
    <row r="383" spans="1:23" s="11" customFormat="1" ht="31">
      <c r="A383" s="70">
        <v>774340010</v>
      </c>
      <c r="B383" s="67"/>
      <c r="C383" s="63" t="s">
        <v>1221</v>
      </c>
      <c r="D383" s="65" t="s">
        <v>126</v>
      </c>
      <c r="E383" s="67" t="s">
        <v>726</v>
      </c>
      <c r="F383" s="48" t="s">
        <v>1214</v>
      </c>
      <c r="G383" s="22" t="s">
        <v>1222</v>
      </c>
      <c r="H383" s="6"/>
      <c r="I383" s="6"/>
      <c r="J383" s="6" t="s">
        <v>1216</v>
      </c>
      <c r="K383" s="13" t="s">
        <v>446</v>
      </c>
      <c r="L383" s="13"/>
      <c r="M383" s="13"/>
      <c r="N383" s="6" t="s">
        <v>360</v>
      </c>
      <c r="O383" s="6" t="s">
        <v>978</v>
      </c>
      <c r="P383" s="37">
        <v>1500</v>
      </c>
      <c r="Q383" s="21">
        <v>1890</v>
      </c>
      <c r="R383" s="6" t="s">
        <v>83</v>
      </c>
      <c r="T383" s="6"/>
      <c r="U383" s="6"/>
      <c r="V383" s="3" t="s">
        <v>36</v>
      </c>
      <c r="W383" s="6" t="s">
        <v>1217</v>
      </c>
    </row>
    <row r="384" spans="1:23" s="11" customFormat="1" ht="62">
      <c r="A384" s="70">
        <v>774340011</v>
      </c>
      <c r="B384" s="67"/>
      <c r="C384" s="63" t="s">
        <v>1223</v>
      </c>
      <c r="D384" s="65" t="s">
        <v>126</v>
      </c>
      <c r="E384" s="67" t="s">
        <v>726</v>
      </c>
      <c r="F384" s="48" t="s">
        <v>1214</v>
      </c>
      <c r="G384" s="22" t="s">
        <v>1224</v>
      </c>
      <c r="H384" s="6"/>
      <c r="I384" s="6"/>
      <c r="J384" s="6" t="s">
        <v>1216</v>
      </c>
      <c r="K384" s="13" t="s">
        <v>446</v>
      </c>
      <c r="L384" s="13"/>
      <c r="M384" s="13"/>
      <c r="N384" s="6" t="s">
        <v>360</v>
      </c>
      <c r="O384" s="6" t="s">
        <v>978</v>
      </c>
      <c r="P384" s="37">
        <v>1150</v>
      </c>
      <c r="Q384" s="21">
        <v>1450</v>
      </c>
      <c r="R384" s="6" t="s">
        <v>83</v>
      </c>
      <c r="T384" s="6"/>
      <c r="U384" s="6"/>
      <c r="V384" s="3" t="s">
        <v>36</v>
      </c>
      <c r="W384" s="6" t="s">
        <v>1217</v>
      </c>
    </row>
    <row r="385" spans="1:23" s="11" customFormat="1" ht="31">
      <c r="A385" s="70">
        <v>774340013</v>
      </c>
      <c r="B385" s="67"/>
      <c r="C385" s="63" t="s">
        <v>1225</v>
      </c>
      <c r="D385" s="65" t="s">
        <v>126</v>
      </c>
      <c r="E385" s="67" t="s">
        <v>726</v>
      </c>
      <c r="F385" s="48" t="s">
        <v>1219</v>
      </c>
      <c r="G385" s="22" t="s">
        <v>1220</v>
      </c>
      <c r="H385" s="6"/>
      <c r="I385" s="6"/>
      <c r="J385" s="6" t="s">
        <v>1216</v>
      </c>
      <c r="K385" s="13" t="s">
        <v>446</v>
      </c>
      <c r="L385" s="13"/>
      <c r="M385" s="13"/>
      <c r="N385" s="6" t="s">
        <v>360</v>
      </c>
      <c r="O385" s="6" t="s">
        <v>978</v>
      </c>
      <c r="P385" s="37">
        <v>1000</v>
      </c>
      <c r="Q385" s="21">
        <v>1270</v>
      </c>
      <c r="R385" s="6" t="s">
        <v>83</v>
      </c>
      <c r="T385" s="6"/>
      <c r="U385" s="6"/>
      <c r="V385" s="3" t="s">
        <v>36</v>
      </c>
      <c r="W385" s="6" t="s">
        <v>1217</v>
      </c>
    </row>
    <row r="386" spans="1:23" s="11" customFormat="1" ht="31">
      <c r="A386" s="70">
        <v>774340014</v>
      </c>
      <c r="B386" s="67"/>
      <c r="C386" s="63" t="s">
        <v>1226</v>
      </c>
      <c r="D386" s="65" t="s">
        <v>126</v>
      </c>
      <c r="E386" s="67" t="s">
        <v>726</v>
      </c>
      <c r="F386" s="48" t="s">
        <v>1227</v>
      </c>
      <c r="G386" s="22" t="s">
        <v>1228</v>
      </c>
      <c r="H386" s="6"/>
      <c r="I386" s="6"/>
      <c r="J386" s="6" t="s">
        <v>1216</v>
      </c>
      <c r="K386" s="13" t="s">
        <v>1229</v>
      </c>
      <c r="L386" s="13" t="s">
        <v>1230</v>
      </c>
      <c r="M386" s="13" t="s">
        <v>446</v>
      </c>
      <c r="N386" s="6" t="s">
        <v>360</v>
      </c>
      <c r="O386" s="6" t="s">
        <v>978</v>
      </c>
      <c r="P386" s="13">
        <v>700</v>
      </c>
      <c r="Q386" s="6">
        <v>900</v>
      </c>
      <c r="R386" s="6" t="s">
        <v>83</v>
      </c>
      <c r="T386" s="6"/>
      <c r="U386" s="6"/>
      <c r="V386" s="3" t="s">
        <v>36</v>
      </c>
      <c r="W386" s="6" t="s">
        <v>1231</v>
      </c>
    </row>
    <row r="387" spans="1:23" s="11" customFormat="1" ht="31">
      <c r="A387" s="70">
        <v>774340017</v>
      </c>
      <c r="B387" s="67"/>
      <c r="C387" s="63" t="s">
        <v>1232</v>
      </c>
      <c r="D387" s="65" t="s">
        <v>126</v>
      </c>
      <c r="E387" s="67" t="s">
        <v>726</v>
      </c>
      <c r="F387" s="48" t="s">
        <v>1233</v>
      </c>
      <c r="G387" s="22" t="s">
        <v>1234</v>
      </c>
      <c r="H387" s="6"/>
      <c r="I387" s="6"/>
      <c r="J387" s="6" t="s">
        <v>1216</v>
      </c>
      <c r="K387" s="13" t="s">
        <v>1229</v>
      </c>
      <c r="L387" s="13" t="s">
        <v>1230</v>
      </c>
      <c r="M387" s="13" t="s">
        <v>446</v>
      </c>
      <c r="N387" s="6" t="s">
        <v>360</v>
      </c>
      <c r="O387" s="6" t="s">
        <v>978</v>
      </c>
      <c r="P387" s="37">
        <v>1800</v>
      </c>
      <c r="Q387" s="21">
        <v>2200</v>
      </c>
      <c r="R387" s="6" t="s">
        <v>83</v>
      </c>
      <c r="T387" s="6"/>
      <c r="U387" s="6"/>
      <c r="V387" s="3" t="s">
        <v>36</v>
      </c>
      <c r="W387" s="6" t="s">
        <v>1231</v>
      </c>
    </row>
    <row r="388" spans="1:23" s="11" customFormat="1" ht="31">
      <c r="A388" s="70">
        <v>446140003</v>
      </c>
      <c r="B388" s="67"/>
      <c r="C388" s="63" t="s">
        <v>1235</v>
      </c>
      <c r="D388" s="65" t="s">
        <v>126</v>
      </c>
      <c r="E388" s="67" t="s">
        <v>388</v>
      </c>
      <c r="F388" s="48" t="s">
        <v>1236</v>
      </c>
      <c r="G388" s="22" t="s">
        <v>1237</v>
      </c>
      <c r="H388" s="6"/>
      <c r="I388" s="6"/>
      <c r="J388" s="6" t="s">
        <v>517</v>
      </c>
      <c r="K388" s="13" t="s">
        <v>946</v>
      </c>
      <c r="L388" s="13" t="s">
        <v>578</v>
      </c>
      <c r="M388" s="13" t="s">
        <v>446</v>
      </c>
      <c r="N388" s="6" t="s">
        <v>360</v>
      </c>
      <c r="O388" s="6" t="s">
        <v>978</v>
      </c>
      <c r="P388" s="13">
        <v>30</v>
      </c>
      <c r="Q388" s="6">
        <v>39</v>
      </c>
      <c r="S388" s="6" t="s">
        <v>35</v>
      </c>
      <c r="T388" s="6"/>
      <c r="U388" s="6"/>
      <c r="V388" s="3" t="s">
        <v>36</v>
      </c>
      <c r="W388" s="6" t="s">
        <v>1238</v>
      </c>
    </row>
    <row r="389" spans="1:23" s="11" customFormat="1" ht="31">
      <c r="A389" s="70">
        <v>446340062</v>
      </c>
      <c r="B389" s="67"/>
      <c r="C389" s="63" t="s">
        <v>1239</v>
      </c>
      <c r="D389" s="65" t="s">
        <v>126</v>
      </c>
      <c r="E389" s="67" t="s">
        <v>86</v>
      </c>
      <c r="F389" s="48" t="s">
        <v>1240</v>
      </c>
      <c r="G389" s="22" t="s">
        <v>1241</v>
      </c>
      <c r="H389" s="6"/>
      <c r="I389" s="6"/>
      <c r="J389" s="6" t="s">
        <v>956</v>
      </c>
      <c r="K389" s="13" t="s">
        <v>446</v>
      </c>
      <c r="L389" s="13"/>
      <c r="M389" s="13"/>
      <c r="N389" s="6" t="s">
        <v>360</v>
      </c>
      <c r="O389" s="6" t="s">
        <v>978</v>
      </c>
      <c r="P389" s="13">
        <v>250</v>
      </c>
      <c r="Q389" s="6">
        <v>350</v>
      </c>
      <c r="S389" s="6" t="s">
        <v>35</v>
      </c>
      <c r="T389" s="6" t="s">
        <v>30</v>
      </c>
      <c r="V389" s="3" t="s">
        <v>36</v>
      </c>
      <c r="W389" s="6" t="s">
        <v>1361</v>
      </c>
    </row>
    <row r="390" spans="1:23" s="11" customFormat="1" ht="31">
      <c r="A390" s="70">
        <v>446340063</v>
      </c>
      <c r="B390" s="67"/>
      <c r="C390" s="63" t="s">
        <v>1242</v>
      </c>
      <c r="D390" s="65" t="s">
        <v>126</v>
      </c>
      <c r="E390" s="67" t="s">
        <v>86</v>
      </c>
      <c r="F390" s="48" t="s">
        <v>1240</v>
      </c>
      <c r="G390" s="22" t="s">
        <v>1243</v>
      </c>
      <c r="H390" s="6"/>
      <c r="I390" s="6"/>
      <c r="J390" s="6" t="s">
        <v>956</v>
      </c>
      <c r="K390" s="13" t="s">
        <v>446</v>
      </c>
      <c r="L390" s="13"/>
      <c r="M390" s="13"/>
      <c r="N390" s="6" t="s">
        <v>360</v>
      </c>
      <c r="O390" s="6" t="s">
        <v>978</v>
      </c>
      <c r="P390" s="13">
        <v>350</v>
      </c>
      <c r="Q390" s="6">
        <v>450</v>
      </c>
      <c r="S390" s="6" t="s">
        <v>35</v>
      </c>
      <c r="T390" s="6" t="s">
        <v>30</v>
      </c>
      <c r="V390" s="3" t="s">
        <v>36</v>
      </c>
      <c r="W390" s="6" t="s">
        <v>1361</v>
      </c>
    </row>
    <row r="391" spans="1:23" s="11" customFormat="1" ht="31">
      <c r="A391" s="70">
        <v>446340064</v>
      </c>
      <c r="B391" s="67"/>
      <c r="C391" s="63" t="s">
        <v>1244</v>
      </c>
      <c r="D391" s="65" t="s">
        <v>126</v>
      </c>
      <c r="E391" s="67" t="s">
        <v>86</v>
      </c>
      <c r="F391" s="48" t="s">
        <v>1240</v>
      </c>
      <c r="G391" s="22" t="s">
        <v>1245</v>
      </c>
      <c r="H391" s="6"/>
      <c r="I391" s="6"/>
      <c r="J391" s="6" t="s">
        <v>956</v>
      </c>
      <c r="K391" s="13" t="s">
        <v>446</v>
      </c>
      <c r="L391" s="13"/>
      <c r="M391" s="13"/>
      <c r="N391" s="6" t="s">
        <v>360</v>
      </c>
      <c r="O391" s="6" t="s">
        <v>978</v>
      </c>
      <c r="P391" s="13">
        <v>400</v>
      </c>
      <c r="Q391" s="6">
        <v>520</v>
      </c>
      <c r="S391" s="6" t="s">
        <v>35</v>
      </c>
      <c r="T391" s="6" t="s">
        <v>30</v>
      </c>
      <c r="V391" s="3" t="s">
        <v>36</v>
      </c>
      <c r="W391" s="6" t="s">
        <v>1361</v>
      </c>
    </row>
    <row r="392" spans="1:23" s="11" customFormat="1" ht="46.5">
      <c r="A392" s="70">
        <v>446340065</v>
      </c>
      <c r="B392" s="67"/>
      <c r="C392" s="63" t="s">
        <v>1246</v>
      </c>
      <c r="D392" s="65" t="s">
        <v>126</v>
      </c>
      <c r="E392" s="67" t="s">
        <v>726</v>
      </c>
      <c r="F392" s="48" t="s">
        <v>1247</v>
      </c>
      <c r="G392" s="22" t="s">
        <v>1248</v>
      </c>
      <c r="H392" s="6"/>
      <c r="I392" s="6"/>
      <c r="J392" s="6" t="s">
        <v>956</v>
      </c>
      <c r="K392" s="13" t="s">
        <v>1004</v>
      </c>
      <c r="L392" s="13"/>
      <c r="M392" s="13"/>
      <c r="N392" s="6" t="s">
        <v>360</v>
      </c>
      <c r="O392" s="6" t="s">
        <v>978</v>
      </c>
      <c r="P392" s="13">
        <v>650</v>
      </c>
      <c r="Q392" s="6">
        <v>790</v>
      </c>
      <c r="S392" s="6" t="s">
        <v>35</v>
      </c>
      <c r="T392" s="6" t="s">
        <v>30</v>
      </c>
      <c r="V392" s="3" t="s">
        <v>36</v>
      </c>
      <c r="W392" s="6" t="s">
        <v>1361</v>
      </c>
    </row>
    <row r="393" spans="1:23" s="11" customFormat="1" ht="31">
      <c r="A393" s="70">
        <v>446330086</v>
      </c>
      <c r="B393" s="67"/>
      <c r="C393" s="63" t="s">
        <v>1249</v>
      </c>
      <c r="D393" s="65" t="s">
        <v>124</v>
      </c>
      <c r="E393" s="67" t="s">
        <v>668</v>
      </c>
      <c r="F393" s="48" t="s">
        <v>1250</v>
      </c>
      <c r="G393" s="22" t="s">
        <v>1251</v>
      </c>
      <c r="H393" s="6"/>
      <c r="I393" s="6"/>
      <c r="J393" s="6" t="s">
        <v>956</v>
      </c>
      <c r="K393" s="13" t="s">
        <v>1127</v>
      </c>
      <c r="L393" s="13" t="s">
        <v>1127</v>
      </c>
      <c r="M393" s="13" t="s">
        <v>1127</v>
      </c>
      <c r="N393" s="6" t="s">
        <v>360</v>
      </c>
      <c r="O393" s="6" t="s">
        <v>978</v>
      </c>
      <c r="P393" s="13">
        <v>18</v>
      </c>
      <c r="Q393" s="6">
        <v>25</v>
      </c>
      <c r="S393" s="6" t="s">
        <v>35</v>
      </c>
      <c r="T393" s="6" t="s">
        <v>30</v>
      </c>
      <c r="V393" s="3" t="s">
        <v>36</v>
      </c>
      <c r="W393" s="6" t="s">
        <v>1361</v>
      </c>
    </row>
    <row r="394" spans="1:23" s="11" customFormat="1" ht="31">
      <c r="A394" s="70">
        <v>446340105</v>
      </c>
      <c r="B394" s="67"/>
      <c r="C394" s="63" t="s">
        <v>1252</v>
      </c>
      <c r="D394" s="65" t="s">
        <v>126</v>
      </c>
      <c r="E394" s="67" t="s">
        <v>27</v>
      </c>
      <c r="F394" s="48" t="s">
        <v>1253</v>
      </c>
      <c r="G394" s="22" t="s">
        <v>1254</v>
      </c>
      <c r="H394" s="6"/>
      <c r="I394" s="6"/>
      <c r="J394" s="6" t="s">
        <v>517</v>
      </c>
      <c r="K394" s="13" t="s">
        <v>957</v>
      </c>
      <c r="L394" s="13"/>
      <c r="M394" s="13"/>
      <c r="N394" s="6" t="s">
        <v>360</v>
      </c>
      <c r="O394" s="6" t="s">
        <v>978</v>
      </c>
      <c r="P394" s="13">
        <v>300</v>
      </c>
      <c r="Q394" s="6">
        <v>380</v>
      </c>
      <c r="S394" s="6" t="s">
        <v>35</v>
      </c>
      <c r="T394" s="6" t="s">
        <v>30</v>
      </c>
      <c r="V394" s="3" t="s">
        <v>36</v>
      </c>
      <c r="W394" s="6" t="s">
        <v>1255</v>
      </c>
    </row>
    <row r="395" spans="1:23" s="11" customFormat="1" ht="31">
      <c r="A395" s="70">
        <v>441340009</v>
      </c>
      <c r="B395" s="67"/>
      <c r="C395" s="63" t="s">
        <v>1256</v>
      </c>
      <c r="D395" s="65" t="s">
        <v>126</v>
      </c>
      <c r="E395" s="67" t="s">
        <v>86</v>
      </c>
      <c r="F395" s="48" t="s">
        <v>1257</v>
      </c>
      <c r="G395" s="22" t="s">
        <v>1258</v>
      </c>
      <c r="H395" s="6"/>
      <c r="I395" s="6"/>
      <c r="J395" s="6" t="s">
        <v>1259</v>
      </c>
      <c r="K395" s="13" t="s">
        <v>1260</v>
      </c>
      <c r="L395" s="13"/>
      <c r="M395" s="13"/>
      <c r="N395" s="6" t="s">
        <v>360</v>
      </c>
      <c r="O395" s="6" t="s">
        <v>978</v>
      </c>
      <c r="P395" s="13">
        <v>350</v>
      </c>
      <c r="Q395" s="6">
        <v>399</v>
      </c>
      <c r="S395" s="6" t="s">
        <v>35</v>
      </c>
      <c r="T395" s="6" t="s">
        <v>30</v>
      </c>
      <c r="V395" s="3" t="s">
        <v>36</v>
      </c>
      <c r="W395" s="6" t="s">
        <v>1367</v>
      </c>
    </row>
    <row r="396" spans="1:23" s="11" customFormat="1" ht="31">
      <c r="A396" s="70">
        <v>438330031</v>
      </c>
      <c r="B396" s="67" t="s">
        <v>310</v>
      </c>
      <c r="C396" s="63" t="s">
        <v>1261</v>
      </c>
      <c r="D396" s="65" t="s">
        <v>124</v>
      </c>
      <c r="E396" s="67" t="s">
        <v>81</v>
      </c>
      <c r="F396" s="48" t="s">
        <v>317</v>
      </c>
      <c r="G396" s="22" t="s">
        <v>1262</v>
      </c>
      <c r="H396" s="6"/>
      <c r="I396" s="6"/>
      <c r="J396" s="6" t="s">
        <v>127</v>
      </c>
      <c r="K396" s="13" t="s">
        <v>313</v>
      </c>
      <c r="L396" s="13"/>
      <c r="M396" s="13"/>
      <c r="N396" s="6" t="s">
        <v>360</v>
      </c>
      <c r="O396" s="6" t="s">
        <v>978</v>
      </c>
      <c r="P396" s="13">
        <v>500</v>
      </c>
      <c r="Q396" s="6">
        <v>700</v>
      </c>
      <c r="S396" s="6" t="s">
        <v>35</v>
      </c>
      <c r="T396" s="6" t="s">
        <v>30</v>
      </c>
      <c r="V396" s="3" t="s">
        <v>36</v>
      </c>
      <c r="W396" s="6" t="s">
        <v>314</v>
      </c>
    </row>
    <row r="397" spans="1:23" s="11" customFormat="1" ht="31">
      <c r="A397" s="70">
        <v>438330040</v>
      </c>
      <c r="B397" s="67" t="s">
        <v>310</v>
      </c>
      <c r="C397" s="63" t="s">
        <v>1263</v>
      </c>
      <c r="D397" s="65" t="s">
        <v>124</v>
      </c>
      <c r="E397" s="67" t="s">
        <v>81</v>
      </c>
      <c r="F397" s="48" t="s">
        <v>317</v>
      </c>
      <c r="G397" s="22" t="s">
        <v>1264</v>
      </c>
      <c r="H397" s="6"/>
      <c r="I397" s="6"/>
      <c r="J397" s="6" t="s">
        <v>127</v>
      </c>
      <c r="K397" s="13" t="s">
        <v>313</v>
      </c>
      <c r="L397" s="13"/>
      <c r="M397" s="13"/>
      <c r="N397" s="6" t="s">
        <v>360</v>
      </c>
      <c r="O397" s="6" t="s">
        <v>978</v>
      </c>
      <c r="P397" s="13">
        <v>450</v>
      </c>
      <c r="Q397" s="6">
        <v>700</v>
      </c>
      <c r="S397" s="6" t="s">
        <v>35</v>
      </c>
      <c r="T397" s="6" t="s">
        <v>30</v>
      </c>
      <c r="V397" s="3" t="s">
        <v>36</v>
      </c>
      <c r="W397" s="6" t="s">
        <v>314</v>
      </c>
    </row>
    <row r="398" spans="1:23" s="11" customFormat="1" ht="31">
      <c r="A398" s="70">
        <v>331330032</v>
      </c>
      <c r="B398" s="67"/>
      <c r="C398" s="63" t="s">
        <v>1265</v>
      </c>
      <c r="D398" s="65" t="s">
        <v>124</v>
      </c>
      <c r="E398" s="67" t="s">
        <v>668</v>
      </c>
      <c r="F398" s="48" t="s">
        <v>1266</v>
      </c>
      <c r="G398" s="22" t="s">
        <v>1267</v>
      </c>
      <c r="H398" s="6"/>
      <c r="I398" s="6"/>
      <c r="J398" s="6" t="s">
        <v>956</v>
      </c>
      <c r="K398" s="13" t="s">
        <v>1091</v>
      </c>
      <c r="L398" s="13" t="s">
        <v>947</v>
      </c>
      <c r="M398" s="13" t="s">
        <v>578</v>
      </c>
      <c r="N398" s="6" t="s">
        <v>360</v>
      </c>
      <c r="O398" s="6" t="s">
        <v>978</v>
      </c>
      <c r="P398" s="13">
        <v>30</v>
      </c>
      <c r="Q398" s="6">
        <v>40</v>
      </c>
      <c r="S398" s="6" t="s">
        <v>35</v>
      </c>
      <c r="T398" s="6" t="s">
        <v>30</v>
      </c>
      <c r="V398" s="3" t="s">
        <v>36</v>
      </c>
      <c r="W398" s="6" t="s">
        <v>1268</v>
      </c>
    </row>
    <row r="399" spans="1:23" s="11" customFormat="1" ht="31">
      <c r="A399" s="70">
        <v>345330044</v>
      </c>
      <c r="B399" s="67"/>
      <c r="C399" s="63" t="s">
        <v>1269</v>
      </c>
      <c r="D399" s="65" t="s">
        <v>124</v>
      </c>
      <c r="E399" s="67" t="s">
        <v>81</v>
      </c>
      <c r="F399" s="48" t="s">
        <v>1270</v>
      </c>
      <c r="G399" s="22" t="s">
        <v>1271</v>
      </c>
      <c r="H399" s="6"/>
      <c r="I399" s="6"/>
      <c r="J399" s="6" t="s">
        <v>119</v>
      </c>
      <c r="K399" s="13" t="s">
        <v>446</v>
      </c>
      <c r="L399" s="13" t="s">
        <v>1004</v>
      </c>
      <c r="M399" s="13" t="s">
        <v>1009</v>
      </c>
      <c r="N399" s="6" t="s">
        <v>360</v>
      </c>
      <c r="O399" s="6" t="s">
        <v>978</v>
      </c>
      <c r="P399" s="13">
        <v>230</v>
      </c>
      <c r="Q399" s="6">
        <v>550</v>
      </c>
      <c r="S399" s="6" t="s">
        <v>35</v>
      </c>
      <c r="T399" s="6" t="s">
        <v>30</v>
      </c>
      <c r="V399" s="3" t="s">
        <v>36</v>
      </c>
      <c r="W399" s="6" t="s">
        <v>1272</v>
      </c>
    </row>
    <row r="400" spans="1:23" s="11" customFormat="1" ht="31">
      <c r="A400" s="70">
        <v>345330045</v>
      </c>
      <c r="B400" s="67"/>
      <c r="C400" s="63" t="s">
        <v>1273</v>
      </c>
      <c r="D400" s="65" t="s">
        <v>124</v>
      </c>
      <c r="E400" s="67" t="s">
        <v>81</v>
      </c>
      <c r="F400" s="48" t="s">
        <v>1274</v>
      </c>
      <c r="G400" s="22" t="s">
        <v>1271</v>
      </c>
      <c r="H400" s="6"/>
      <c r="I400" s="6"/>
      <c r="J400" s="6" t="s">
        <v>119</v>
      </c>
      <c r="K400" s="13" t="s">
        <v>446</v>
      </c>
      <c r="L400" s="13" t="s">
        <v>1004</v>
      </c>
      <c r="M400" s="13" t="s">
        <v>1009</v>
      </c>
      <c r="N400" s="6" t="s">
        <v>360</v>
      </c>
      <c r="O400" s="6" t="s">
        <v>978</v>
      </c>
      <c r="P400" s="13">
        <v>300</v>
      </c>
      <c r="Q400" s="6">
        <v>550</v>
      </c>
      <c r="S400" s="6" t="s">
        <v>35</v>
      </c>
      <c r="T400" s="6" t="s">
        <v>30</v>
      </c>
      <c r="V400" s="3" t="s">
        <v>36</v>
      </c>
      <c r="W400" s="6" t="s">
        <v>1272</v>
      </c>
    </row>
    <row r="401" spans="1:23" s="11" customFormat="1" ht="31">
      <c r="A401" s="70">
        <v>345330046</v>
      </c>
      <c r="B401" s="67"/>
      <c r="C401" s="63" t="s">
        <v>1275</v>
      </c>
      <c r="D401" s="65" t="s">
        <v>124</v>
      </c>
      <c r="E401" s="67" t="s">
        <v>81</v>
      </c>
      <c r="F401" s="48" t="s">
        <v>1276</v>
      </c>
      <c r="G401" s="22" t="s">
        <v>1277</v>
      </c>
      <c r="H401" s="6"/>
      <c r="I401" s="6"/>
      <c r="J401" s="6" t="s">
        <v>119</v>
      </c>
      <c r="K401" s="13" t="s">
        <v>446</v>
      </c>
      <c r="L401" s="13" t="s">
        <v>1004</v>
      </c>
      <c r="M401" s="13" t="s">
        <v>1009</v>
      </c>
      <c r="N401" s="6" t="s">
        <v>360</v>
      </c>
      <c r="O401" s="6" t="s">
        <v>978</v>
      </c>
      <c r="P401" s="13">
        <v>250</v>
      </c>
      <c r="Q401" s="6">
        <v>550</v>
      </c>
      <c r="S401" s="6" t="s">
        <v>35</v>
      </c>
      <c r="T401" s="6" t="s">
        <v>30</v>
      </c>
      <c r="V401" s="3" t="s">
        <v>36</v>
      </c>
      <c r="W401" s="6" t="s">
        <v>1272</v>
      </c>
    </row>
    <row r="402" spans="1:23" s="11" customFormat="1" ht="31">
      <c r="A402" s="70">
        <v>439330060</v>
      </c>
      <c r="B402" s="67" t="s">
        <v>264</v>
      </c>
      <c r="C402" s="63" t="s">
        <v>1278</v>
      </c>
      <c r="D402" s="65" t="s">
        <v>124</v>
      </c>
      <c r="E402" s="67" t="s">
        <v>703</v>
      </c>
      <c r="F402" s="48" t="s">
        <v>1279</v>
      </c>
      <c r="G402" s="22" t="s">
        <v>1280</v>
      </c>
      <c r="H402" s="6"/>
      <c r="I402" s="6"/>
      <c r="J402" s="6" t="s">
        <v>348</v>
      </c>
      <c r="K402" s="13" t="s">
        <v>947</v>
      </c>
      <c r="L402" s="13" t="s">
        <v>578</v>
      </c>
      <c r="M402" s="13" t="s">
        <v>957</v>
      </c>
      <c r="N402" s="6" t="s">
        <v>360</v>
      </c>
      <c r="O402" s="6" t="s">
        <v>978</v>
      </c>
      <c r="P402" s="13">
        <v>120</v>
      </c>
      <c r="Q402" s="6">
        <v>190</v>
      </c>
      <c r="S402" s="6" t="s">
        <v>35</v>
      </c>
      <c r="T402" s="6" t="s">
        <v>30</v>
      </c>
      <c r="V402" s="3" t="s">
        <v>36</v>
      </c>
      <c r="W402" s="6" t="s">
        <v>1032</v>
      </c>
    </row>
    <row r="403" spans="1:23" s="11" customFormat="1" ht="31">
      <c r="A403" s="70">
        <v>439330061</v>
      </c>
      <c r="B403" s="67" t="s">
        <v>264</v>
      </c>
      <c r="C403" s="63" t="s">
        <v>1281</v>
      </c>
      <c r="D403" s="65" t="s">
        <v>124</v>
      </c>
      <c r="E403" s="67" t="s">
        <v>703</v>
      </c>
      <c r="F403" s="48" t="s">
        <v>1279</v>
      </c>
      <c r="G403" s="22" t="s">
        <v>1280</v>
      </c>
      <c r="H403" s="6"/>
      <c r="I403" s="6"/>
      <c r="J403" s="6" t="s">
        <v>348</v>
      </c>
      <c r="K403" s="13" t="s">
        <v>947</v>
      </c>
      <c r="L403" s="13" t="s">
        <v>578</v>
      </c>
      <c r="M403" s="13" t="s">
        <v>957</v>
      </c>
      <c r="N403" s="6" t="s">
        <v>360</v>
      </c>
      <c r="O403" s="6" t="s">
        <v>978</v>
      </c>
      <c r="P403" s="13">
        <v>160</v>
      </c>
      <c r="Q403" s="6">
        <v>200</v>
      </c>
      <c r="S403" s="6" t="s">
        <v>35</v>
      </c>
      <c r="T403" s="6" t="s">
        <v>30</v>
      </c>
      <c r="V403" s="3" t="s">
        <v>36</v>
      </c>
      <c r="W403" s="6" t="s">
        <v>1032</v>
      </c>
    </row>
    <row r="404" spans="1:23" s="11" customFormat="1" ht="31">
      <c r="A404" s="70">
        <v>439330062</v>
      </c>
      <c r="B404" s="67"/>
      <c r="C404" s="63" t="s">
        <v>1282</v>
      </c>
      <c r="D404" s="65" t="s">
        <v>126</v>
      </c>
      <c r="E404" s="67" t="s">
        <v>668</v>
      </c>
      <c r="F404" s="48" t="s">
        <v>1283</v>
      </c>
      <c r="G404" s="22" t="s">
        <v>1284</v>
      </c>
      <c r="H404" s="6"/>
      <c r="I404" s="6"/>
      <c r="J404" s="6" t="s">
        <v>956</v>
      </c>
      <c r="K404" s="13" t="s">
        <v>1107</v>
      </c>
      <c r="L404" s="13" t="s">
        <v>200</v>
      </c>
      <c r="M404" s="13" t="s">
        <v>946</v>
      </c>
      <c r="N404" s="6" t="s">
        <v>360</v>
      </c>
      <c r="O404" s="6" t="s">
        <v>978</v>
      </c>
      <c r="P404" s="13">
        <v>25</v>
      </c>
      <c r="Q404" s="6">
        <v>35</v>
      </c>
      <c r="S404" s="6" t="s">
        <v>35</v>
      </c>
      <c r="T404" s="6" t="s">
        <v>30</v>
      </c>
      <c r="V404" s="3" t="s">
        <v>36</v>
      </c>
      <c r="W404" s="6" t="s">
        <v>949</v>
      </c>
    </row>
    <row r="405" spans="1:23" s="11" customFormat="1" ht="31">
      <c r="A405" s="70">
        <v>337350076</v>
      </c>
      <c r="B405" s="67" t="s">
        <v>369</v>
      </c>
      <c r="C405" s="63" t="s">
        <v>1285</v>
      </c>
      <c r="D405" s="65" t="s">
        <v>126</v>
      </c>
      <c r="E405" s="67" t="s">
        <v>27</v>
      </c>
      <c r="F405" s="48" t="s">
        <v>1286</v>
      </c>
      <c r="G405" s="22" t="s">
        <v>1287</v>
      </c>
      <c r="H405" s="6"/>
      <c r="I405" s="6"/>
      <c r="J405" s="6" t="s">
        <v>119</v>
      </c>
      <c r="K405" s="13" t="s">
        <v>1048</v>
      </c>
      <c r="L405" s="13" t="s">
        <v>1134</v>
      </c>
      <c r="M405" s="13" t="s">
        <v>1000</v>
      </c>
      <c r="N405" s="6" t="s">
        <v>360</v>
      </c>
      <c r="O405" s="6" t="s">
        <v>978</v>
      </c>
      <c r="P405" s="13">
        <v>260</v>
      </c>
      <c r="Q405" s="6">
        <v>350</v>
      </c>
      <c r="S405" s="6" t="s">
        <v>35</v>
      </c>
      <c r="T405" s="6" t="s">
        <v>30</v>
      </c>
      <c r="V405" s="3" t="s">
        <v>36</v>
      </c>
      <c r="W405" s="6" t="s">
        <v>375</v>
      </c>
    </row>
    <row r="406" spans="1:23" s="11" customFormat="1" ht="31">
      <c r="A406" s="70">
        <v>337350033</v>
      </c>
      <c r="B406" s="67" t="s">
        <v>369</v>
      </c>
      <c r="C406" s="63" t="s">
        <v>1288</v>
      </c>
      <c r="D406" s="65" t="s">
        <v>126</v>
      </c>
      <c r="E406" s="67" t="s">
        <v>27</v>
      </c>
      <c r="F406" s="48" t="s">
        <v>1286</v>
      </c>
      <c r="G406" s="22" t="s">
        <v>1289</v>
      </c>
      <c r="H406" s="6"/>
      <c r="I406" s="6"/>
      <c r="J406" s="6" t="s">
        <v>119</v>
      </c>
      <c r="K406" s="13" t="s">
        <v>1048</v>
      </c>
      <c r="L406" s="13" t="s">
        <v>1134</v>
      </c>
      <c r="M406" s="13" t="s">
        <v>1000</v>
      </c>
      <c r="N406" s="6" t="s">
        <v>360</v>
      </c>
      <c r="O406" s="6" t="s">
        <v>978</v>
      </c>
      <c r="P406" s="13">
        <v>160</v>
      </c>
      <c r="Q406" s="6">
        <v>250</v>
      </c>
      <c r="S406" s="6" t="s">
        <v>35</v>
      </c>
      <c r="T406" s="6" t="s">
        <v>30</v>
      </c>
      <c r="V406" s="3" t="s">
        <v>36</v>
      </c>
      <c r="W406" s="6" t="s">
        <v>375</v>
      </c>
    </row>
    <row r="407" spans="1:23" s="11" customFormat="1" ht="31">
      <c r="A407" s="70">
        <v>337340035</v>
      </c>
      <c r="B407" s="67" t="s">
        <v>369</v>
      </c>
      <c r="C407" s="63" t="s">
        <v>1290</v>
      </c>
      <c r="D407" s="65" t="s">
        <v>124</v>
      </c>
      <c r="E407" s="67" t="s">
        <v>81</v>
      </c>
      <c r="F407" s="48" t="s">
        <v>1291</v>
      </c>
      <c r="G407" s="22" t="s">
        <v>1292</v>
      </c>
      <c r="H407" s="6"/>
      <c r="I407" s="6"/>
      <c r="J407" s="6" t="s">
        <v>119</v>
      </c>
      <c r="K407" s="13" t="s">
        <v>946</v>
      </c>
      <c r="L407" s="13" t="s">
        <v>1048</v>
      </c>
      <c r="M407" s="13" t="s">
        <v>1134</v>
      </c>
      <c r="N407" s="6" t="s">
        <v>360</v>
      </c>
      <c r="O407" s="6" t="s">
        <v>978</v>
      </c>
      <c r="P407" s="13">
        <v>40</v>
      </c>
      <c r="Q407" s="6">
        <v>60</v>
      </c>
      <c r="S407" s="6" t="s">
        <v>35</v>
      </c>
      <c r="T407" s="6" t="s">
        <v>30</v>
      </c>
      <c r="V407" s="3" t="s">
        <v>36</v>
      </c>
      <c r="W407" s="6" t="s">
        <v>375</v>
      </c>
    </row>
    <row r="408" spans="1:23" s="11" customFormat="1" ht="31">
      <c r="A408" s="70">
        <v>337330045</v>
      </c>
      <c r="B408" s="67" t="s">
        <v>369</v>
      </c>
      <c r="C408" s="63" t="s">
        <v>1293</v>
      </c>
      <c r="D408" s="65" t="s">
        <v>124</v>
      </c>
      <c r="E408" s="67" t="s">
        <v>27</v>
      </c>
      <c r="F408" s="48" t="s">
        <v>1291</v>
      </c>
      <c r="G408" s="22" t="s">
        <v>1294</v>
      </c>
      <c r="H408" s="6"/>
      <c r="I408" s="6"/>
      <c r="J408" s="6" t="s">
        <v>119</v>
      </c>
      <c r="K408" s="13" t="s">
        <v>946</v>
      </c>
      <c r="L408" s="13" t="s">
        <v>1048</v>
      </c>
      <c r="M408" s="13" t="s">
        <v>1134</v>
      </c>
      <c r="N408" s="6" t="s">
        <v>360</v>
      </c>
      <c r="O408" s="6" t="s">
        <v>978</v>
      </c>
      <c r="P408" s="13">
        <v>40</v>
      </c>
      <c r="Q408" s="6">
        <v>60</v>
      </c>
      <c r="S408" s="6" t="s">
        <v>35</v>
      </c>
      <c r="T408" s="6" t="s">
        <v>30</v>
      </c>
      <c r="V408" s="3" t="s">
        <v>36</v>
      </c>
      <c r="W408" s="6" t="s">
        <v>375</v>
      </c>
    </row>
    <row r="409" spans="1:23" s="11" customFormat="1" ht="31">
      <c r="A409" s="70">
        <v>337340056</v>
      </c>
      <c r="B409" s="67" t="s">
        <v>369</v>
      </c>
      <c r="C409" s="63" t="s">
        <v>1295</v>
      </c>
      <c r="D409" s="65" t="s">
        <v>124</v>
      </c>
      <c r="E409" s="67" t="s">
        <v>27</v>
      </c>
      <c r="F409" s="48" t="s">
        <v>1291</v>
      </c>
      <c r="G409" s="22" t="s">
        <v>1296</v>
      </c>
      <c r="H409" s="6"/>
      <c r="I409" s="6"/>
      <c r="J409" s="6" t="s">
        <v>119</v>
      </c>
      <c r="K409" s="13" t="s">
        <v>946</v>
      </c>
      <c r="L409" s="13" t="s">
        <v>1048</v>
      </c>
      <c r="M409" s="13" t="s">
        <v>1134</v>
      </c>
      <c r="N409" s="6" t="s">
        <v>360</v>
      </c>
      <c r="O409" s="6" t="s">
        <v>978</v>
      </c>
      <c r="P409" s="13">
        <v>80</v>
      </c>
      <c r="Q409" s="6">
        <v>100</v>
      </c>
      <c r="S409" s="6" t="s">
        <v>35</v>
      </c>
      <c r="T409" s="6" t="s">
        <v>30</v>
      </c>
      <c r="V409" s="3" t="s">
        <v>36</v>
      </c>
      <c r="W409" s="6" t="s">
        <v>375</v>
      </c>
    </row>
    <row r="410" spans="1:23" s="11" customFormat="1" ht="31">
      <c r="A410" s="70">
        <v>337350077</v>
      </c>
      <c r="B410" s="67" t="s">
        <v>369</v>
      </c>
      <c r="C410" s="63" t="s">
        <v>1297</v>
      </c>
      <c r="D410" s="65" t="s">
        <v>126</v>
      </c>
      <c r="E410" s="67" t="s">
        <v>27</v>
      </c>
      <c r="F410" s="48" t="s">
        <v>1286</v>
      </c>
      <c r="G410" s="22" t="s">
        <v>1298</v>
      </c>
      <c r="H410" s="6"/>
      <c r="I410" s="6"/>
      <c r="J410" s="6" t="s">
        <v>119</v>
      </c>
      <c r="K410" s="13" t="s">
        <v>1048</v>
      </c>
      <c r="L410" s="13" t="s">
        <v>1134</v>
      </c>
      <c r="M410" s="13" t="s">
        <v>1000</v>
      </c>
      <c r="N410" s="6" t="s">
        <v>360</v>
      </c>
      <c r="O410" s="6" t="s">
        <v>978</v>
      </c>
      <c r="P410" s="13">
        <v>300</v>
      </c>
      <c r="Q410" s="6">
        <v>380</v>
      </c>
      <c r="S410" s="6" t="s">
        <v>35</v>
      </c>
      <c r="T410" s="6" t="s">
        <v>30</v>
      </c>
      <c r="V410" s="3" t="s">
        <v>36</v>
      </c>
      <c r="W410" s="6" t="s">
        <v>375</v>
      </c>
    </row>
    <row r="411" spans="1:23" s="11" customFormat="1" ht="31">
      <c r="A411" s="70">
        <v>337350078</v>
      </c>
      <c r="B411" s="67" t="s">
        <v>369</v>
      </c>
      <c r="C411" s="63" t="s">
        <v>1299</v>
      </c>
      <c r="D411" s="65" t="s">
        <v>126</v>
      </c>
      <c r="E411" s="67" t="s">
        <v>27</v>
      </c>
      <c r="F411" s="48" t="s">
        <v>1286</v>
      </c>
      <c r="G411" s="22" t="s">
        <v>1300</v>
      </c>
      <c r="H411" s="6"/>
      <c r="I411" s="6"/>
      <c r="J411" s="6" t="s">
        <v>119</v>
      </c>
      <c r="K411" s="13" t="s">
        <v>1048</v>
      </c>
      <c r="L411" s="13" t="s">
        <v>1134</v>
      </c>
      <c r="M411" s="13" t="s">
        <v>1000</v>
      </c>
      <c r="N411" s="6" t="s">
        <v>360</v>
      </c>
      <c r="O411" s="6" t="s">
        <v>978</v>
      </c>
      <c r="P411" s="13">
        <v>100</v>
      </c>
      <c r="Q411" s="6">
        <v>140</v>
      </c>
      <c r="S411" s="6" t="s">
        <v>35</v>
      </c>
      <c r="T411" s="6" t="s">
        <v>30</v>
      </c>
      <c r="V411" s="3" t="s">
        <v>36</v>
      </c>
      <c r="W411" s="6" t="s">
        <v>375</v>
      </c>
    </row>
    <row r="412" spans="1:23" s="11" customFormat="1" ht="31">
      <c r="A412" s="70">
        <v>337340090</v>
      </c>
      <c r="B412" s="67"/>
      <c r="C412" s="63" t="s">
        <v>1301</v>
      </c>
      <c r="D412" s="65" t="s">
        <v>126</v>
      </c>
      <c r="E412" s="67" t="s">
        <v>831</v>
      </c>
      <c r="F412" s="48" t="s">
        <v>832</v>
      </c>
      <c r="G412" s="22" t="s">
        <v>1302</v>
      </c>
      <c r="H412" s="6"/>
      <c r="I412" s="6"/>
      <c r="J412" s="6" t="s">
        <v>119</v>
      </c>
      <c r="K412" s="13" t="s">
        <v>947</v>
      </c>
      <c r="L412" s="13"/>
      <c r="M412" s="13"/>
      <c r="N412" s="6" t="s">
        <v>360</v>
      </c>
      <c r="O412" s="6" t="s">
        <v>978</v>
      </c>
      <c r="P412" s="13">
        <v>330</v>
      </c>
      <c r="Q412" s="6">
        <v>899</v>
      </c>
      <c r="S412" s="6" t="s">
        <v>35</v>
      </c>
      <c r="T412" s="6" t="s">
        <v>30</v>
      </c>
      <c r="V412" s="3" t="s">
        <v>36</v>
      </c>
      <c r="W412" s="6" t="s">
        <v>1303</v>
      </c>
    </row>
    <row r="413" spans="1:23" s="11" customFormat="1" ht="31">
      <c r="A413" s="70">
        <v>337340091</v>
      </c>
      <c r="B413" s="67"/>
      <c r="C413" s="63" t="s">
        <v>1304</v>
      </c>
      <c r="D413" s="65" t="s">
        <v>126</v>
      </c>
      <c r="E413" s="67" t="s">
        <v>388</v>
      </c>
      <c r="F413" s="48" t="s">
        <v>770</v>
      </c>
      <c r="G413" s="22" t="s">
        <v>1305</v>
      </c>
      <c r="H413" s="6"/>
      <c r="I413" s="6"/>
      <c r="J413" s="6" t="s">
        <v>119</v>
      </c>
      <c r="K413" s="13" t="s">
        <v>947</v>
      </c>
      <c r="L413" s="13" t="s">
        <v>578</v>
      </c>
      <c r="M413" s="13" t="s">
        <v>957</v>
      </c>
      <c r="N413" s="6" t="s">
        <v>360</v>
      </c>
      <c r="O413" s="6" t="s">
        <v>978</v>
      </c>
      <c r="P413" s="13">
        <v>40</v>
      </c>
      <c r="Q413" s="6">
        <v>99</v>
      </c>
      <c r="S413" s="6" t="s">
        <v>35</v>
      </c>
      <c r="T413" s="6" t="s">
        <v>30</v>
      </c>
      <c r="V413" s="3" t="s">
        <v>36</v>
      </c>
      <c r="W413" s="6" t="s">
        <v>375</v>
      </c>
    </row>
    <row r="414" spans="1:23" s="11" customFormat="1" ht="31">
      <c r="A414" s="70">
        <v>337330108</v>
      </c>
      <c r="B414" s="67" t="s">
        <v>369</v>
      </c>
      <c r="C414" s="63" t="s">
        <v>1306</v>
      </c>
      <c r="D414" s="65" t="s">
        <v>124</v>
      </c>
      <c r="E414" s="67" t="s">
        <v>27</v>
      </c>
      <c r="F414" s="48" t="s">
        <v>1307</v>
      </c>
      <c r="G414" s="22" t="s">
        <v>1308</v>
      </c>
      <c r="H414" s="6"/>
      <c r="I414" s="6"/>
      <c r="J414" s="6" t="s">
        <v>119</v>
      </c>
      <c r="K414" s="13" t="s">
        <v>1134</v>
      </c>
      <c r="L414" s="13" t="s">
        <v>1309</v>
      </c>
      <c r="M414" s="13" t="s">
        <v>1000</v>
      </c>
      <c r="N414" s="6" t="s">
        <v>360</v>
      </c>
      <c r="O414" s="6" t="s">
        <v>978</v>
      </c>
      <c r="P414" s="37">
        <v>2000</v>
      </c>
      <c r="Q414" s="21">
        <v>3500</v>
      </c>
      <c r="S414" s="6" t="s">
        <v>35</v>
      </c>
      <c r="T414" s="6" t="s">
        <v>30</v>
      </c>
      <c r="V414" s="3" t="s">
        <v>36</v>
      </c>
      <c r="W414" s="6" t="s">
        <v>375</v>
      </c>
    </row>
    <row r="415" spans="1:23" s="11" customFormat="1" ht="31">
      <c r="A415" s="70">
        <v>337330109</v>
      </c>
      <c r="B415" s="67" t="s">
        <v>369</v>
      </c>
      <c r="C415" s="63" t="s">
        <v>1310</v>
      </c>
      <c r="D415" s="65" t="s">
        <v>124</v>
      </c>
      <c r="E415" s="67" t="s">
        <v>668</v>
      </c>
      <c r="F415" s="48" t="s">
        <v>1311</v>
      </c>
      <c r="G415" s="22" t="s">
        <v>1312</v>
      </c>
      <c r="H415" s="6"/>
      <c r="I415" s="6"/>
      <c r="J415" s="6" t="s">
        <v>956</v>
      </c>
      <c r="K415" s="13" t="s">
        <v>1127</v>
      </c>
      <c r="L415" s="13" t="s">
        <v>1107</v>
      </c>
      <c r="M415" s="13" t="s">
        <v>946</v>
      </c>
      <c r="N415" s="6" t="s">
        <v>360</v>
      </c>
      <c r="O415" s="6" t="s">
        <v>978</v>
      </c>
      <c r="P415" s="13">
        <v>18</v>
      </c>
      <c r="Q415" s="6">
        <v>30</v>
      </c>
      <c r="S415" s="6" t="s">
        <v>35</v>
      </c>
      <c r="T415" s="6" t="s">
        <v>30</v>
      </c>
      <c r="V415" s="3" t="s">
        <v>36</v>
      </c>
      <c r="W415" s="6" t="s">
        <v>375</v>
      </c>
    </row>
    <row r="416" spans="1:23" s="11" customFormat="1" ht="31">
      <c r="A416" s="70">
        <v>552330022</v>
      </c>
      <c r="B416" s="67" t="s">
        <v>1082</v>
      </c>
      <c r="C416" s="63" t="s">
        <v>1313</v>
      </c>
      <c r="D416" s="65" t="s">
        <v>124</v>
      </c>
      <c r="E416" s="67" t="s">
        <v>266</v>
      </c>
      <c r="F416" s="48" t="s">
        <v>1314</v>
      </c>
      <c r="G416" s="22" t="s">
        <v>1315</v>
      </c>
      <c r="H416" s="6"/>
      <c r="I416" s="6"/>
      <c r="J416" s="6" t="s">
        <v>119</v>
      </c>
      <c r="K416" s="13" t="s">
        <v>578</v>
      </c>
      <c r="L416" s="13" t="s">
        <v>446</v>
      </c>
      <c r="M416" s="13" t="s">
        <v>1000</v>
      </c>
      <c r="N416" s="6" t="s">
        <v>360</v>
      </c>
      <c r="O416" s="6" t="s">
        <v>978</v>
      </c>
      <c r="P416" s="13">
        <v>600</v>
      </c>
      <c r="Q416" s="6">
        <v>850</v>
      </c>
      <c r="S416" s="6" t="s">
        <v>35</v>
      </c>
      <c r="T416" s="6" t="s">
        <v>30</v>
      </c>
      <c r="V416" s="3" t="s">
        <v>36</v>
      </c>
      <c r="W416" s="6" t="s">
        <v>1087</v>
      </c>
    </row>
    <row r="417" spans="1:23" s="11" customFormat="1" ht="46.5">
      <c r="A417" s="70">
        <v>557330017</v>
      </c>
      <c r="B417" s="67"/>
      <c r="C417" s="63" t="s">
        <v>1316</v>
      </c>
      <c r="D417" s="65" t="s">
        <v>124</v>
      </c>
      <c r="E417" s="67" t="s">
        <v>27</v>
      </c>
      <c r="F417" s="48" t="s">
        <v>1317</v>
      </c>
      <c r="G417" s="22" t="s">
        <v>1318</v>
      </c>
      <c r="H417" s="6"/>
      <c r="I417" s="6"/>
      <c r="J417" s="6" t="s">
        <v>119</v>
      </c>
      <c r="K417" s="13" t="s">
        <v>1095</v>
      </c>
      <c r="L417" s="13"/>
      <c r="M417" s="13"/>
      <c r="N417" s="6" t="s">
        <v>360</v>
      </c>
      <c r="O417" s="6" t="s">
        <v>978</v>
      </c>
      <c r="P417" s="13">
        <v>700</v>
      </c>
      <c r="Q417" s="21">
        <v>1200</v>
      </c>
      <c r="S417" s="6" t="s">
        <v>35</v>
      </c>
      <c r="T417" s="6" t="s">
        <v>30</v>
      </c>
      <c r="V417" s="3" t="s">
        <v>36</v>
      </c>
      <c r="W417" s="6" t="s">
        <v>1096</v>
      </c>
    </row>
    <row r="418" spans="1:23" s="11" customFormat="1" ht="31">
      <c r="A418" s="70">
        <v>564330029</v>
      </c>
      <c r="B418" s="67"/>
      <c r="C418" s="63" t="s">
        <v>1319</v>
      </c>
      <c r="D418" s="65" t="s">
        <v>124</v>
      </c>
      <c r="E418" s="67" t="s">
        <v>266</v>
      </c>
      <c r="F418" s="48" t="s">
        <v>1320</v>
      </c>
      <c r="G418" s="22" t="s">
        <v>1321</v>
      </c>
      <c r="H418" s="6"/>
      <c r="I418" s="6"/>
      <c r="J418" s="6" t="s">
        <v>119</v>
      </c>
      <c r="K418" s="13" t="s">
        <v>1134</v>
      </c>
      <c r="L418" s="13" t="s">
        <v>446</v>
      </c>
      <c r="M418" s="13" t="s">
        <v>1004</v>
      </c>
      <c r="N418" s="6" t="s">
        <v>360</v>
      </c>
      <c r="O418" s="6" t="s">
        <v>978</v>
      </c>
      <c r="P418" s="13">
        <v>370</v>
      </c>
      <c r="Q418" s="6">
        <v>590</v>
      </c>
      <c r="S418" s="6" t="s">
        <v>35</v>
      </c>
      <c r="T418" s="6" t="s">
        <v>30</v>
      </c>
      <c r="V418" s="3" t="s">
        <v>36</v>
      </c>
      <c r="W418" s="6" t="s">
        <v>361</v>
      </c>
    </row>
    <row r="419" spans="1:23" s="11" customFormat="1" ht="31">
      <c r="A419" s="70">
        <v>615340031</v>
      </c>
      <c r="B419" s="67"/>
      <c r="C419" s="63" t="s">
        <v>1322</v>
      </c>
      <c r="D419" s="65" t="s">
        <v>126</v>
      </c>
      <c r="E419" s="67" t="s">
        <v>27</v>
      </c>
      <c r="F419" s="48" t="s">
        <v>1323</v>
      </c>
      <c r="G419" s="22" t="s">
        <v>1324</v>
      </c>
      <c r="H419" s="6"/>
      <c r="I419" s="6"/>
      <c r="J419" s="6" t="s">
        <v>45</v>
      </c>
      <c r="K419" s="13" t="s">
        <v>957</v>
      </c>
      <c r="L419" s="13" t="s">
        <v>1004</v>
      </c>
      <c r="M419" s="13"/>
      <c r="N419" s="6" t="s">
        <v>243</v>
      </c>
      <c r="O419" s="6" t="s">
        <v>92</v>
      </c>
      <c r="P419" s="13">
        <v>190</v>
      </c>
      <c r="Q419" s="6">
        <v>250</v>
      </c>
      <c r="S419" s="6" t="s">
        <v>35</v>
      </c>
      <c r="T419" s="6" t="s">
        <v>30</v>
      </c>
      <c r="V419" s="3" t="s">
        <v>36</v>
      </c>
      <c r="W419" s="6" t="s">
        <v>244</v>
      </c>
    </row>
    <row r="420" spans="1:23" s="11" customFormat="1" ht="31">
      <c r="A420" s="70">
        <v>770340033</v>
      </c>
      <c r="B420" s="67" t="s">
        <v>407</v>
      </c>
      <c r="C420" s="63" t="s">
        <v>1325</v>
      </c>
      <c r="D420" s="65" t="s">
        <v>124</v>
      </c>
      <c r="E420" s="67" t="s">
        <v>86</v>
      </c>
      <c r="F420" s="48" t="s">
        <v>1326</v>
      </c>
      <c r="G420" s="22" t="s">
        <v>1327</v>
      </c>
      <c r="H420" s="6"/>
      <c r="I420" s="6"/>
      <c r="J420" s="6" t="s">
        <v>58</v>
      </c>
      <c r="K420" s="6" t="s">
        <v>947</v>
      </c>
      <c r="L420" s="6" t="s">
        <v>578</v>
      </c>
      <c r="M420" s="6" t="s">
        <v>578</v>
      </c>
      <c r="N420" s="6" t="s">
        <v>360</v>
      </c>
      <c r="O420" s="6" t="s">
        <v>978</v>
      </c>
      <c r="P420" s="13">
        <v>150</v>
      </c>
      <c r="Q420" s="6">
        <v>199</v>
      </c>
      <c r="S420" s="6" t="s">
        <v>35</v>
      </c>
      <c r="T420" s="6" t="s">
        <v>30</v>
      </c>
      <c r="V420" s="3" t="s">
        <v>36</v>
      </c>
      <c r="W420" s="6" t="s">
        <v>1759</v>
      </c>
    </row>
    <row r="421" spans="1:23" s="11" customFormat="1" ht="31">
      <c r="A421" s="70">
        <v>770330034</v>
      </c>
      <c r="B421" s="67" t="s">
        <v>1328</v>
      </c>
      <c r="C421" s="63" t="s">
        <v>1329</v>
      </c>
      <c r="D421" s="65" t="s">
        <v>124</v>
      </c>
      <c r="E421" s="67" t="s">
        <v>668</v>
      </c>
      <c r="F421" s="48" t="s">
        <v>1330</v>
      </c>
      <c r="G421" s="22" t="s">
        <v>1331</v>
      </c>
      <c r="H421" s="6"/>
      <c r="I421" s="6"/>
      <c r="J421" s="6" t="s">
        <v>956</v>
      </c>
      <c r="K421" s="13" t="s">
        <v>947</v>
      </c>
      <c r="L421" s="13" t="s">
        <v>578</v>
      </c>
      <c r="M421" s="13" t="s">
        <v>957</v>
      </c>
      <c r="N421" s="6" t="s">
        <v>360</v>
      </c>
      <c r="O421" s="6" t="s">
        <v>978</v>
      </c>
      <c r="P421" s="13">
        <v>30</v>
      </c>
      <c r="Q421" s="6">
        <v>60</v>
      </c>
      <c r="S421" s="6" t="s">
        <v>35</v>
      </c>
      <c r="T421" s="6" t="s">
        <v>30</v>
      </c>
      <c r="V421" s="3" t="s">
        <v>36</v>
      </c>
      <c r="W421" s="6" t="s">
        <v>1328</v>
      </c>
    </row>
    <row r="422" spans="1:23" s="11" customFormat="1" ht="46.5">
      <c r="A422" s="70">
        <v>771330012</v>
      </c>
      <c r="B422" s="67"/>
      <c r="C422" s="63" t="s">
        <v>1332</v>
      </c>
      <c r="D422" s="65" t="s">
        <v>124</v>
      </c>
      <c r="E422" s="67" t="s">
        <v>81</v>
      </c>
      <c r="F422" s="48" t="s">
        <v>1333</v>
      </c>
      <c r="G422" s="22" t="s">
        <v>1334</v>
      </c>
      <c r="H422" s="6"/>
      <c r="I422" s="6"/>
      <c r="J422" s="6" t="s">
        <v>119</v>
      </c>
      <c r="K422" s="13" t="s">
        <v>1004</v>
      </c>
      <c r="L422" s="13" t="s">
        <v>1004</v>
      </c>
      <c r="M422" s="13" t="s">
        <v>1009</v>
      </c>
      <c r="N422" s="6" t="s">
        <v>360</v>
      </c>
      <c r="O422" s="6" t="s">
        <v>978</v>
      </c>
      <c r="P422" s="13">
        <v>600</v>
      </c>
      <c r="Q422" s="21">
        <v>1000</v>
      </c>
      <c r="R422" s="6" t="s">
        <v>35</v>
      </c>
      <c r="T422" s="6" t="s">
        <v>30</v>
      </c>
      <c r="V422" s="3" t="s">
        <v>36</v>
      </c>
      <c r="W422" s="6" t="s">
        <v>1335</v>
      </c>
    </row>
    <row r="423" spans="1:23" s="11" customFormat="1" ht="31">
      <c r="A423" s="70">
        <v>772340017</v>
      </c>
      <c r="B423" s="67"/>
      <c r="C423" s="63" t="s">
        <v>1336</v>
      </c>
      <c r="D423" s="65" t="s">
        <v>124</v>
      </c>
      <c r="E423" s="67" t="s">
        <v>81</v>
      </c>
      <c r="F423" s="48" t="s">
        <v>1337</v>
      </c>
      <c r="G423" s="22" t="s">
        <v>1338</v>
      </c>
      <c r="H423" s="6"/>
      <c r="I423" s="6"/>
      <c r="J423" s="6" t="s">
        <v>119</v>
      </c>
      <c r="K423" s="13" t="s">
        <v>1339</v>
      </c>
      <c r="L423" s="13"/>
      <c r="M423" s="13"/>
      <c r="N423" s="6" t="s">
        <v>360</v>
      </c>
      <c r="O423" s="6" t="s">
        <v>978</v>
      </c>
      <c r="P423" s="13">
        <v>350</v>
      </c>
      <c r="Q423" s="6">
        <v>450</v>
      </c>
      <c r="R423" s="6" t="s">
        <v>35</v>
      </c>
      <c r="T423" s="6" t="s">
        <v>30</v>
      </c>
      <c r="V423" s="3" t="s">
        <v>36</v>
      </c>
      <c r="W423" s="6" t="s">
        <v>1340</v>
      </c>
    </row>
    <row r="424" spans="1:23" s="11" customFormat="1" ht="31">
      <c r="A424" s="70">
        <v>772340018</v>
      </c>
      <c r="B424" s="67"/>
      <c r="C424" s="63" t="s">
        <v>1341</v>
      </c>
      <c r="D424" s="65" t="s">
        <v>124</v>
      </c>
      <c r="E424" s="67" t="s">
        <v>81</v>
      </c>
      <c r="F424" s="48" t="s">
        <v>1337</v>
      </c>
      <c r="G424" s="22" t="s">
        <v>1338</v>
      </c>
      <c r="H424" s="6"/>
      <c r="I424" s="6"/>
      <c r="J424" s="6" t="s">
        <v>119</v>
      </c>
      <c r="K424" s="13" t="s">
        <v>1339</v>
      </c>
      <c r="L424" s="13"/>
      <c r="M424" s="13"/>
      <c r="N424" s="6" t="s">
        <v>360</v>
      </c>
      <c r="O424" s="6" t="s">
        <v>978</v>
      </c>
      <c r="P424" s="13">
        <v>700</v>
      </c>
      <c r="Q424" s="21">
        <v>1200</v>
      </c>
      <c r="R424" s="6" t="s">
        <v>35</v>
      </c>
      <c r="T424" s="6" t="s">
        <v>30</v>
      </c>
      <c r="V424" s="3" t="s">
        <v>36</v>
      </c>
      <c r="W424" s="6" t="s">
        <v>1340</v>
      </c>
    </row>
    <row r="425" spans="1:23" s="11" customFormat="1" ht="31">
      <c r="A425" s="70">
        <v>772330019</v>
      </c>
      <c r="B425" s="67"/>
      <c r="C425" s="63" t="s">
        <v>1342</v>
      </c>
      <c r="D425" s="65" t="s">
        <v>124</v>
      </c>
      <c r="E425" s="67" t="s">
        <v>81</v>
      </c>
      <c r="F425" s="48" t="s">
        <v>1343</v>
      </c>
      <c r="G425" s="22" t="s">
        <v>1344</v>
      </c>
      <c r="H425" s="6"/>
      <c r="I425" s="6"/>
      <c r="J425" s="6" t="s">
        <v>119</v>
      </c>
      <c r="K425" s="13" t="s">
        <v>1339</v>
      </c>
      <c r="L425" s="13"/>
      <c r="M425" s="13"/>
      <c r="N425" s="6" t="s">
        <v>360</v>
      </c>
      <c r="O425" s="6" t="s">
        <v>978</v>
      </c>
      <c r="P425" s="13">
        <v>280</v>
      </c>
      <c r="Q425" s="6">
        <v>400</v>
      </c>
      <c r="R425" s="6" t="s">
        <v>35</v>
      </c>
      <c r="T425" s="6" t="s">
        <v>30</v>
      </c>
      <c r="V425" s="3" t="s">
        <v>36</v>
      </c>
      <c r="W425" s="6" t="s">
        <v>1340</v>
      </c>
    </row>
    <row r="426" spans="1:23" s="11" customFormat="1" ht="31">
      <c r="A426" s="70">
        <v>892330007</v>
      </c>
      <c r="B426" s="67"/>
      <c r="C426" s="63" t="s">
        <v>1345</v>
      </c>
      <c r="D426" s="65" t="s">
        <v>124</v>
      </c>
      <c r="E426" s="67" t="s">
        <v>27</v>
      </c>
      <c r="F426" s="48" t="s">
        <v>1346</v>
      </c>
      <c r="G426" s="22" t="s">
        <v>1347</v>
      </c>
      <c r="H426" s="6"/>
      <c r="I426" s="6"/>
      <c r="J426" s="6" t="s">
        <v>1348</v>
      </c>
      <c r="K426" s="13" t="s">
        <v>947</v>
      </c>
      <c r="L426" s="13" t="s">
        <v>578</v>
      </c>
      <c r="M426" s="13" t="s">
        <v>1349</v>
      </c>
      <c r="N426" s="6" t="s">
        <v>360</v>
      </c>
      <c r="O426" s="6" t="s">
        <v>978</v>
      </c>
      <c r="P426" s="13">
        <v>25</v>
      </c>
      <c r="Q426" s="6">
        <v>39</v>
      </c>
      <c r="R426" s="6" t="s">
        <v>35</v>
      </c>
      <c r="T426" s="6" t="s">
        <v>30</v>
      </c>
      <c r="V426" s="3" t="s">
        <v>36</v>
      </c>
      <c r="W426" s="6" t="s">
        <v>706</v>
      </c>
    </row>
    <row r="427" spans="1:23" s="11" customFormat="1" ht="31">
      <c r="A427" s="70">
        <v>893350018</v>
      </c>
      <c r="B427" s="67" t="s">
        <v>1350</v>
      </c>
      <c r="C427" s="63" t="s">
        <v>1351</v>
      </c>
      <c r="D427" s="65" t="s">
        <v>126</v>
      </c>
      <c r="E427" s="67" t="s">
        <v>256</v>
      </c>
      <c r="F427" s="48" t="s">
        <v>1352</v>
      </c>
      <c r="G427" s="22" t="s">
        <v>1353</v>
      </c>
      <c r="H427" s="6"/>
      <c r="I427" s="6"/>
      <c r="J427" s="6" t="s">
        <v>1348</v>
      </c>
      <c r="K427" s="13" t="s">
        <v>446</v>
      </c>
      <c r="L427" s="13"/>
      <c r="M427" s="13"/>
      <c r="N427" s="6" t="s">
        <v>360</v>
      </c>
      <c r="O427" s="6" t="s">
        <v>978</v>
      </c>
      <c r="P427" s="13">
        <v>150</v>
      </c>
      <c r="Q427" s="6">
        <v>250</v>
      </c>
      <c r="R427" s="6" t="s">
        <v>35</v>
      </c>
      <c r="T427" s="6" t="s">
        <v>30</v>
      </c>
      <c r="V427" s="3" t="s">
        <v>36</v>
      </c>
      <c r="W427" s="6" t="s">
        <v>1354</v>
      </c>
    </row>
    <row r="428" spans="1:23" s="11" customFormat="1" ht="31">
      <c r="A428" s="70">
        <v>556350003</v>
      </c>
      <c r="B428" s="67" t="s">
        <v>1123</v>
      </c>
      <c r="C428" s="63" t="s">
        <v>1355</v>
      </c>
      <c r="D428" s="65" t="s">
        <v>697</v>
      </c>
      <c r="E428" s="67" t="s">
        <v>143</v>
      </c>
      <c r="F428" s="48" t="s">
        <v>1356</v>
      </c>
      <c r="G428" s="12" t="s">
        <v>1357</v>
      </c>
      <c r="H428" s="6"/>
      <c r="I428" s="6"/>
      <c r="J428" s="6" t="s">
        <v>45</v>
      </c>
      <c r="K428" s="13" t="s">
        <v>1127</v>
      </c>
      <c r="L428" s="13" t="s">
        <v>1107</v>
      </c>
      <c r="M428" s="13" t="s">
        <v>200</v>
      </c>
      <c r="N428" s="6" t="s">
        <v>360</v>
      </c>
      <c r="O428" s="6" t="s">
        <v>978</v>
      </c>
      <c r="P428" s="13">
        <v>70</v>
      </c>
      <c r="Q428" s="6">
        <v>100</v>
      </c>
      <c r="R428" s="6" t="s">
        <v>83</v>
      </c>
      <c r="T428" s="6" t="s">
        <v>30</v>
      </c>
      <c r="V428" s="3" t="s">
        <v>36</v>
      </c>
      <c r="W428" s="6" t="s">
        <v>1129</v>
      </c>
    </row>
    <row r="429" spans="1:23" s="11" customFormat="1" ht="62">
      <c r="A429" s="70">
        <v>556350004</v>
      </c>
      <c r="B429" s="67" t="s">
        <v>1123</v>
      </c>
      <c r="C429" s="63" t="s">
        <v>1358</v>
      </c>
      <c r="D429" s="65" t="s">
        <v>697</v>
      </c>
      <c r="E429" s="67" t="s">
        <v>143</v>
      </c>
      <c r="F429" s="48" t="s">
        <v>1359</v>
      </c>
      <c r="G429" s="12" t="s">
        <v>1357</v>
      </c>
      <c r="H429" s="6"/>
      <c r="I429" s="6"/>
      <c r="J429" s="6" t="s">
        <v>45</v>
      </c>
      <c r="K429" s="13" t="s">
        <v>1127</v>
      </c>
      <c r="L429" s="13" t="s">
        <v>1360</v>
      </c>
      <c r="M429" s="13" t="s">
        <v>200</v>
      </c>
      <c r="N429" s="6" t="s">
        <v>360</v>
      </c>
      <c r="O429" s="6" t="s">
        <v>978</v>
      </c>
      <c r="P429" s="13">
        <v>70</v>
      </c>
      <c r="Q429" s="6">
        <v>100</v>
      </c>
      <c r="R429" s="6" t="s">
        <v>83</v>
      </c>
      <c r="T429" s="6" t="s">
        <v>30</v>
      </c>
      <c r="V429" s="3" t="s">
        <v>36</v>
      </c>
      <c r="W429" s="6" t="s">
        <v>1129</v>
      </c>
    </row>
    <row r="430" spans="1:23" s="11" customFormat="1" ht="31">
      <c r="A430" s="70">
        <v>110340040</v>
      </c>
      <c r="B430" s="67"/>
      <c r="C430" s="63" t="s">
        <v>1368</v>
      </c>
      <c r="D430" s="65" t="s">
        <v>126</v>
      </c>
      <c r="E430" s="67" t="s">
        <v>86</v>
      </c>
      <c r="F430" s="48" t="s">
        <v>1119</v>
      </c>
      <c r="G430" s="22" t="s">
        <v>1369</v>
      </c>
      <c r="H430" s="6"/>
      <c r="I430" s="6"/>
      <c r="J430" s="6" t="s">
        <v>956</v>
      </c>
      <c r="K430" s="13" t="s">
        <v>1121</v>
      </c>
      <c r="L430" s="13" t="s">
        <v>446</v>
      </c>
      <c r="M430" s="13"/>
      <c r="N430" s="6" t="s">
        <v>360</v>
      </c>
      <c r="O430" s="6" t="s">
        <v>978</v>
      </c>
      <c r="P430" s="13">
        <v>50</v>
      </c>
      <c r="Q430" s="6">
        <v>65</v>
      </c>
      <c r="R430" s="6" t="s">
        <v>35</v>
      </c>
      <c r="T430" s="6" t="s">
        <v>30</v>
      </c>
      <c r="V430" s="3" t="s">
        <v>36</v>
      </c>
      <c r="W430" s="6" t="s">
        <v>1122</v>
      </c>
    </row>
    <row r="431" spans="1:23" s="11" customFormat="1" ht="31">
      <c r="A431" s="70">
        <v>330340003</v>
      </c>
      <c r="B431" s="67"/>
      <c r="C431" s="63" t="s">
        <v>1370</v>
      </c>
      <c r="D431" s="65" t="s">
        <v>126</v>
      </c>
      <c r="E431" s="67" t="s">
        <v>27</v>
      </c>
      <c r="F431" s="48" t="s">
        <v>1371</v>
      </c>
      <c r="G431" s="22" t="s">
        <v>1372</v>
      </c>
      <c r="H431" s="6"/>
      <c r="I431" s="6"/>
      <c r="J431" s="6" t="s">
        <v>119</v>
      </c>
      <c r="K431" s="13" t="s">
        <v>30</v>
      </c>
      <c r="L431" s="13" t="s">
        <v>50</v>
      </c>
      <c r="M431" s="13" t="s">
        <v>1000</v>
      </c>
      <c r="N431" s="6" t="s">
        <v>360</v>
      </c>
      <c r="O431" s="6" t="s">
        <v>978</v>
      </c>
      <c r="P431" s="13">
        <v>50</v>
      </c>
      <c r="Q431" s="6">
        <v>80</v>
      </c>
      <c r="R431" s="6" t="s">
        <v>35</v>
      </c>
      <c r="T431" s="6" t="s">
        <v>30</v>
      </c>
      <c r="V431" s="3" t="s">
        <v>36</v>
      </c>
      <c r="W431" s="6" t="s">
        <v>1373</v>
      </c>
    </row>
    <row r="432" spans="1:23" s="11" customFormat="1" ht="31">
      <c r="A432" s="70">
        <v>330330006</v>
      </c>
      <c r="B432" s="67"/>
      <c r="C432" s="63" t="s">
        <v>1374</v>
      </c>
      <c r="D432" s="65" t="s">
        <v>124</v>
      </c>
      <c r="E432" s="67" t="s">
        <v>81</v>
      </c>
      <c r="F432" s="48" t="s">
        <v>1375</v>
      </c>
      <c r="G432" s="22" t="s">
        <v>1376</v>
      </c>
      <c r="H432" s="6"/>
      <c r="I432" s="6"/>
      <c r="J432" s="6" t="s">
        <v>119</v>
      </c>
      <c r="K432" s="13" t="s">
        <v>947</v>
      </c>
      <c r="L432" s="13" t="s">
        <v>578</v>
      </c>
      <c r="M432" s="13" t="s">
        <v>957</v>
      </c>
      <c r="N432" s="6" t="s">
        <v>360</v>
      </c>
      <c r="O432" s="6" t="s">
        <v>978</v>
      </c>
      <c r="P432" s="13">
        <v>70</v>
      </c>
      <c r="Q432" s="6">
        <v>100</v>
      </c>
      <c r="R432" s="6" t="s">
        <v>35</v>
      </c>
      <c r="T432" s="6" t="s">
        <v>30</v>
      </c>
      <c r="V432" s="3" t="s">
        <v>36</v>
      </c>
      <c r="W432" s="6" t="s">
        <v>37</v>
      </c>
    </row>
    <row r="433" spans="1:23" s="11" customFormat="1" ht="31">
      <c r="A433" s="70">
        <v>330330013</v>
      </c>
      <c r="B433" s="67"/>
      <c r="C433" s="63" t="s">
        <v>1377</v>
      </c>
      <c r="D433" s="65" t="s">
        <v>124</v>
      </c>
      <c r="E433" s="67" t="s">
        <v>668</v>
      </c>
      <c r="F433" s="48" t="s">
        <v>1378</v>
      </c>
      <c r="G433" s="22" t="s">
        <v>1379</v>
      </c>
      <c r="H433" s="6"/>
      <c r="I433" s="6"/>
      <c r="J433" s="6" t="s">
        <v>977</v>
      </c>
      <c r="K433" s="13" t="s">
        <v>1380</v>
      </c>
      <c r="L433" s="13" t="s">
        <v>1209</v>
      </c>
      <c r="M433" s="13" t="s">
        <v>30</v>
      </c>
      <c r="N433" s="6" t="s">
        <v>360</v>
      </c>
      <c r="O433" s="6" t="s">
        <v>978</v>
      </c>
      <c r="P433" s="13">
        <v>25</v>
      </c>
      <c r="Q433" s="6">
        <v>35</v>
      </c>
      <c r="R433" s="6" t="s">
        <v>35</v>
      </c>
      <c r="T433" s="6" t="s">
        <v>30</v>
      </c>
      <c r="V433" s="3" t="s">
        <v>36</v>
      </c>
      <c r="W433" s="6" t="s">
        <v>37</v>
      </c>
    </row>
    <row r="434" spans="1:23" s="11" customFormat="1" ht="31">
      <c r="A434" s="70">
        <v>330330024</v>
      </c>
      <c r="B434" s="67"/>
      <c r="C434" s="63" t="s">
        <v>1381</v>
      </c>
      <c r="D434" s="65" t="s">
        <v>124</v>
      </c>
      <c r="E434" s="67" t="s">
        <v>27</v>
      </c>
      <c r="F434" s="48" t="s">
        <v>1382</v>
      </c>
      <c r="G434" s="22" t="s">
        <v>1383</v>
      </c>
      <c r="H434" s="6"/>
      <c r="I434" s="6"/>
      <c r="J434" s="6" t="s">
        <v>118</v>
      </c>
      <c r="K434" s="13" t="s">
        <v>1209</v>
      </c>
      <c r="L434" s="13" t="s">
        <v>1384</v>
      </c>
      <c r="M434" s="13" t="s">
        <v>446</v>
      </c>
      <c r="N434" s="6" t="s">
        <v>360</v>
      </c>
      <c r="O434" s="6" t="s">
        <v>978</v>
      </c>
      <c r="P434" s="13">
        <v>95</v>
      </c>
      <c r="Q434" s="6">
        <v>189</v>
      </c>
      <c r="R434" s="6" t="s">
        <v>35</v>
      </c>
      <c r="T434" s="6" t="s">
        <v>30</v>
      </c>
      <c r="V434" s="3" t="s">
        <v>36</v>
      </c>
      <c r="W434" s="6" t="s">
        <v>37</v>
      </c>
    </row>
    <row r="435" spans="1:23" s="11" customFormat="1" ht="186">
      <c r="A435" s="70">
        <v>335310020</v>
      </c>
      <c r="B435" s="67" t="s">
        <v>41</v>
      </c>
      <c r="C435" s="63" t="s">
        <v>1385</v>
      </c>
      <c r="D435" s="65" t="s">
        <v>125</v>
      </c>
      <c r="E435" s="67" t="s">
        <v>53</v>
      </c>
      <c r="F435" s="48" t="s">
        <v>1386</v>
      </c>
      <c r="G435" s="12" t="s">
        <v>1387</v>
      </c>
      <c r="H435" s="6"/>
      <c r="I435" s="6"/>
      <c r="J435" s="6" t="s">
        <v>45</v>
      </c>
      <c r="K435" s="13" t="s">
        <v>1107</v>
      </c>
      <c r="L435" s="13" t="s">
        <v>1388</v>
      </c>
      <c r="M435" s="13" t="s">
        <v>71</v>
      </c>
      <c r="N435" s="6" t="s">
        <v>360</v>
      </c>
      <c r="O435" s="6" t="s">
        <v>978</v>
      </c>
      <c r="P435" s="13">
        <v>119</v>
      </c>
      <c r="Q435" s="6">
        <v>159</v>
      </c>
      <c r="R435" s="6" t="s">
        <v>35</v>
      </c>
      <c r="T435" s="4" t="s">
        <v>50</v>
      </c>
      <c r="V435" s="3" t="s">
        <v>36</v>
      </c>
      <c r="W435" s="6" t="s">
        <v>51</v>
      </c>
    </row>
    <row r="436" spans="1:23" s="11" customFormat="1" ht="186">
      <c r="A436" s="70">
        <v>335310023</v>
      </c>
      <c r="B436" s="67" t="s">
        <v>41</v>
      </c>
      <c r="C436" s="63" t="s">
        <v>1389</v>
      </c>
      <c r="D436" s="65" t="s">
        <v>125</v>
      </c>
      <c r="E436" s="67" t="s">
        <v>53</v>
      </c>
      <c r="F436" s="48" t="s">
        <v>1390</v>
      </c>
      <c r="G436" s="12" t="s">
        <v>1387</v>
      </c>
      <c r="H436" s="6"/>
      <c r="I436" s="6"/>
      <c r="J436" s="6" t="s">
        <v>45</v>
      </c>
      <c r="K436" s="13" t="s">
        <v>1107</v>
      </c>
      <c r="L436" s="13" t="s">
        <v>1388</v>
      </c>
      <c r="M436" s="13" t="s">
        <v>71</v>
      </c>
      <c r="N436" s="6" t="s">
        <v>360</v>
      </c>
      <c r="O436" s="6" t="s">
        <v>978</v>
      </c>
      <c r="P436" s="13">
        <v>119</v>
      </c>
      <c r="Q436" s="6">
        <v>159</v>
      </c>
      <c r="R436" s="6" t="s">
        <v>35</v>
      </c>
      <c r="T436" s="4" t="s">
        <v>50</v>
      </c>
      <c r="V436" s="3" t="s">
        <v>36</v>
      </c>
      <c r="W436" s="6" t="s">
        <v>51</v>
      </c>
    </row>
    <row r="437" spans="1:23" s="11" customFormat="1" ht="294.5">
      <c r="A437" s="70">
        <v>113310002</v>
      </c>
      <c r="B437" s="67"/>
      <c r="C437" s="63" t="s">
        <v>1391</v>
      </c>
      <c r="D437" s="65" t="s">
        <v>125</v>
      </c>
      <c r="E437" s="67" t="s">
        <v>43</v>
      </c>
      <c r="F437" s="48" t="s">
        <v>1392</v>
      </c>
      <c r="G437" s="12" t="s">
        <v>1393</v>
      </c>
      <c r="H437" s="6"/>
      <c r="I437" s="6"/>
      <c r="J437" s="6" t="s">
        <v>1394</v>
      </c>
      <c r="K437" s="13" t="s">
        <v>1395</v>
      </c>
      <c r="L437" s="13"/>
      <c r="M437" s="13"/>
      <c r="N437" s="6" t="s">
        <v>360</v>
      </c>
      <c r="O437" s="6" t="s">
        <v>1396</v>
      </c>
      <c r="P437" s="13">
        <v>12</v>
      </c>
      <c r="Q437" s="6">
        <v>20</v>
      </c>
      <c r="R437" s="6" t="s">
        <v>83</v>
      </c>
      <c r="T437" s="6" t="s">
        <v>30</v>
      </c>
      <c r="V437" s="3" t="s">
        <v>36</v>
      </c>
      <c r="W437" s="6" t="s">
        <v>1397</v>
      </c>
    </row>
    <row r="438" spans="1:23" s="11" customFormat="1" ht="232.5">
      <c r="A438" s="70">
        <v>893310023</v>
      </c>
      <c r="B438" s="67"/>
      <c r="C438" s="63" t="s">
        <v>1398</v>
      </c>
      <c r="D438" s="65" t="s">
        <v>125</v>
      </c>
      <c r="E438" s="67" t="s">
        <v>43</v>
      </c>
      <c r="F438" s="48" t="s">
        <v>1399</v>
      </c>
      <c r="G438" s="12" t="s">
        <v>1393</v>
      </c>
      <c r="H438" s="6"/>
      <c r="I438" s="6"/>
      <c r="J438" s="6" t="s">
        <v>1394</v>
      </c>
      <c r="K438" s="13" t="s">
        <v>1400</v>
      </c>
      <c r="L438" s="13"/>
      <c r="M438" s="13"/>
      <c r="N438" s="6" t="s">
        <v>360</v>
      </c>
      <c r="O438" s="6" t="s">
        <v>1396</v>
      </c>
      <c r="P438" s="13">
        <v>25</v>
      </c>
      <c r="Q438" s="6">
        <v>40</v>
      </c>
      <c r="R438" s="6" t="s">
        <v>83</v>
      </c>
      <c r="T438" s="6" t="s">
        <v>30</v>
      </c>
      <c r="V438" s="3" t="s">
        <v>36</v>
      </c>
      <c r="W438" s="6" t="s">
        <v>1401</v>
      </c>
    </row>
    <row r="439" spans="1:23" s="11" customFormat="1" ht="31">
      <c r="A439" s="70">
        <v>335310019</v>
      </c>
      <c r="B439" s="67" t="s">
        <v>41</v>
      </c>
      <c r="C439" s="63" t="s">
        <v>1402</v>
      </c>
      <c r="D439" s="65" t="s">
        <v>125</v>
      </c>
      <c r="E439" s="67" t="s">
        <v>1403</v>
      </c>
      <c r="F439" s="48" t="s">
        <v>1404</v>
      </c>
      <c r="G439" s="12" t="s">
        <v>1393</v>
      </c>
      <c r="H439" s="6"/>
      <c r="I439" s="6"/>
      <c r="J439" s="6" t="s">
        <v>45</v>
      </c>
      <c r="K439" s="13" t="s">
        <v>1405</v>
      </c>
      <c r="L439" s="13" t="s">
        <v>1405</v>
      </c>
      <c r="M439" s="13" t="s">
        <v>1405</v>
      </c>
      <c r="N439" s="6" t="s">
        <v>360</v>
      </c>
      <c r="O439" s="6" t="s">
        <v>1396</v>
      </c>
      <c r="P439" s="13">
        <v>100</v>
      </c>
      <c r="Q439" s="6">
        <v>140</v>
      </c>
      <c r="R439" s="6"/>
      <c r="T439" s="4" t="s">
        <v>50</v>
      </c>
      <c r="V439" s="3" t="s">
        <v>36</v>
      </c>
      <c r="W439" s="6" t="s">
        <v>51</v>
      </c>
    </row>
    <row r="440" spans="1:23" s="11" customFormat="1" ht="31">
      <c r="A440" s="70">
        <v>556310027</v>
      </c>
      <c r="B440" s="67"/>
      <c r="C440" s="63" t="s">
        <v>1406</v>
      </c>
      <c r="D440" s="65" t="s">
        <v>125</v>
      </c>
      <c r="E440" s="67" t="s">
        <v>1403</v>
      </c>
      <c r="F440" s="48" t="s">
        <v>1407</v>
      </c>
      <c r="G440" s="12" t="s">
        <v>1393</v>
      </c>
      <c r="H440" s="6"/>
      <c r="I440" s="6"/>
      <c r="J440" s="6" t="s">
        <v>1394</v>
      </c>
      <c r="K440" s="13" t="s">
        <v>947</v>
      </c>
      <c r="L440" s="13" t="s">
        <v>578</v>
      </c>
      <c r="M440" s="13" t="s">
        <v>578</v>
      </c>
      <c r="N440" s="6" t="s">
        <v>360</v>
      </c>
      <c r="O440" s="6" t="s">
        <v>1396</v>
      </c>
      <c r="P440" s="13">
        <v>60</v>
      </c>
      <c r="Q440" s="6">
        <v>80</v>
      </c>
      <c r="R440" s="6" t="s">
        <v>35</v>
      </c>
      <c r="T440" s="6" t="s">
        <v>30</v>
      </c>
      <c r="V440" s="3" t="s">
        <v>36</v>
      </c>
      <c r="W440" s="6" t="s">
        <v>232</v>
      </c>
    </row>
    <row r="441" spans="1:23" s="11" customFormat="1" ht="31">
      <c r="A441" s="70">
        <v>556310028</v>
      </c>
      <c r="B441" s="67"/>
      <c r="C441" s="63" t="s">
        <v>1408</v>
      </c>
      <c r="D441" s="65" t="s">
        <v>125</v>
      </c>
      <c r="E441" s="67" t="s">
        <v>1403</v>
      </c>
      <c r="F441" s="48" t="s">
        <v>1407</v>
      </c>
      <c r="G441" s="12" t="s">
        <v>1393</v>
      </c>
      <c r="H441" s="6"/>
      <c r="I441" s="6"/>
      <c r="J441" s="6" t="s">
        <v>1394</v>
      </c>
      <c r="K441" s="13" t="s">
        <v>947</v>
      </c>
      <c r="L441" s="13" t="s">
        <v>578</v>
      </c>
      <c r="M441" s="13" t="s">
        <v>578</v>
      </c>
      <c r="N441" s="6" t="s">
        <v>360</v>
      </c>
      <c r="O441" s="6" t="s">
        <v>1396</v>
      </c>
      <c r="P441" s="13">
        <v>60</v>
      </c>
      <c r="Q441" s="6">
        <v>80</v>
      </c>
      <c r="R441" s="6" t="s">
        <v>35</v>
      </c>
      <c r="T441" s="6" t="s">
        <v>30</v>
      </c>
      <c r="V441" s="3" t="s">
        <v>36</v>
      </c>
      <c r="W441" s="6" t="s">
        <v>232</v>
      </c>
    </row>
    <row r="442" spans="1:23" s="11" customFormat="1" ht="93">
      <c r="A442" s="70">
        <v>893310024</v>
      </c>
      <c r="B442" s="67"/>
      <c r="C442" s="63" t="s">
        <v>1409</v>
      </c>
      <c r="D442" s="65" t="s">
        <v>125</v>
      </c>
      <c r="E442" s="67" t="s">
        <v>43</v>
      </c>
      <c r="F442" s="48" t="s">
        <v>1410</v>
      </c>
      <c r="G442" s="12" t="s">
        <v>1393</v>
      </c>
      <c r="H442" s="6"/>
      <c r="I442" s="6"/>
      <c r="J442" s="6" t="s">
        <v>1394</v>
      </c>
      <c r="K442" s="13" t="s">
        <v>1411</v>
      </c>
      <c r="L442" s="13"/>
      <c r="M442" s="13"/>
      <c r="N442" s="6" t="s">
        <v>360</v>
      </c>
      <c r="O442" s="6" t="s">
        <v>1396</v>
      </c>
      <c r="P442" s="13">
        <v>40</v>
      </c>
      <c r="Q442" s="6">
        <v>60</v>
      </c>
      <c r="R442" s="6" t="s">
        <v>83</v>
      </c>
      <c r="T442" s="6" t="s">
        <v>30</v>
      </c>
      <c r="V442" s="3" t="s">
        <v>36</v>
      </c>
      <c r="W442" s="6" t="s">
        <v>1401</v>
      </c>
    </row>
    <row r="443" spans="1:23" s="11" customFormat="1" ht="232.5">
      <c r="A443" s="70">
        <v>893310025</v>
      </c>
      <c r="B443" s="67"/>
      <c r="C443" s="63" t="s">
        <v>1412</v>
      </c>
      <c r="D443" s="65" t="s">
        <v>125</v>
      </c>
      <c r="E443" s="67" t="s">
        <v>43</v>
      </c>
      <c r="F443" s="48" t="s">
        <v>1413</v>
      </c>
      <c r="G443" s="12" t="s">
        <v>1393</v>
      </c>
      <c r="H443" s="6"/>
      <c r="I443" s="6"/>
      <c r="J443" s="6" t="s">
        <v>1394</v>
      </c>
      <c r="K443" s="13" t="s">
        <v>1411</v>
      </c>
      <c r="L443" s="13"/>
      <c r="M443" s="13"/>
      <c r="N443" s="6" t="s">
        <v>360</v>
      </c>
      <c r="O443" s="6" t="s">
        <v>1396</v>
      </c>
      <c r="P443" s="13">
        <v>50</v>
      </c>
      <c r="Q443" s="6">
        <v>70</v>
      </c>
      <c r="R443" s="6" t="s">
        <v>83</v>
      </c>
      <c r="T443" s="6" t="s">
        <v>30</v>
      </c>
      <c r="V443" s="3" t="s">
        <v>36</v>
      </c>
      <c r="W443" s="6" t="s">
        <v>1401</v>
      </c>
    </row>
    <row r="444" spans="1:23" s="11" customFormat="1" ht="248">
      <c r="A444" s="70">
        <v>893310026</v>
      </c>
      <c r="B444" s="67"/>
      <c r="C444" s="63" t="s">
        <v>1414</v>
      </c>
      <c r="D444" s="65" t="s">
        <v>125</v>
      </c>
      <c r="E444" s="67" t="s">
        <v>43</v>
      </c>
      <c r="F444" s="48" t="s">
        <v>1415</v>
      </c>
      <c r="G444" s="12" t="s">
        <v>1393</v>
      </c>
      <c r="H444" s="6"/>
      <c r="I444" s="6"/>
      <c r="J444" s="6" t="s">
        <v>1394</v>
      </c>
      <c r="K444" s="13" t="s">
        <v>1416</v>
      </c>
      <c r="L444" s="13"/>
      <c r="M444" s="13"/>
      <c r="N444" s="6" t="s">
        <v>360</v>
      </c>
      <c r="O444" s="6" t="s">
        <v>1396</v>
      </c>
      <c r="P444" s="13">
        <v>25</v>
      </c>
      <c r="Q444" s="6">
        <v>50</v>
      </c>
      <c r="R444" s="6" t="s">
        <v>83</v>
      </c>
      <c r="T444" s="6" t="s">
        <v>30</v>
      </c>
      <c r="V444" s="3" t="s">
        <v>36</v>
      </c>
      <c r="W444" s="6" t="s">
        <v>1401</v>
      </c>
    </row>
    <row r="445" spans="1:23" s="11" customFormat="1" ht="356.5">
      <c r="A445" s="70">
        <v>893310027</v>
      </c>
      <c r="B445" s="67"/>
      <c r="C445" s="63" t="s">
        <v>1417</v>
      </c>
      <c r="D445" s="65" t="s">
        <v>125</v>
      </c>
      <c r="E445" s="67" t="s">
        <v>43</v>
      </c>
      <c r="F445" s="48" t="s">
        <v>1418</v>
      </c>
      <c r="G445" s="12" t="s">
        <v>1393</v>
      </c>
      <c r="H445" s="6"/>
      <c r="I445" s="6"/>
      <c r="J445" s="6" t="s">
        <v>1394</v>
      </c>
      <c r="K445" s="13" t="s">
        <v>1416</v>
      </c>
      <c r="L445" s="13"/>
      <c r="M445" s="13"/>
      <c r="N445" s="6" t="s">
        <v>360</v>
      </c>
      <c r="O445" s="6" t="s">
        <v>1396</v>
      </c>
      <c r="P445" s="13">
        <v>20</v>
      </c>
      <c r="Q445" s="6">
        <v>40</v>
      </c>
      <c r="R445" s="6" t="s">
        <v>83</v>
      </c>
      <c r="T445" s="6" t="s">
        <v>30</v>
      </c>
      <c r="V445" s="3" t="s">
        <v>36</v>
      </c>
      <c r="W445" s="6" t="s">
        <v>1401</v>
      </c>
    </row>
    <row r="446" spans="1:23" s="11" customFormat="1" ht="93">
      <c r="A446" s="70">
        <v>894310033</v>
      </c>
      <c r="B446" s="67"/>
      <c r="C446" s="63" t="s">
        <v>1419</v>
      </c>
      <c r="D446" s="65" t="s">
        <v>125</v>
      </c>
      <c r="E446" s="67" t="s">
        <v>43</v>
      </c>
      <c r="F446" s="48" t="s">
        <v>1420</v>
      </c>
      <c r="G446" s="12" t="s">
        <v>1393</v>
      </c>
      <c r="H446" s="6"/>
      <c r="I446" s="6"/>
      <c r="J446" s="6" t="s">
        <v>1421</v>
      </c>
      <c r="K446" s="13" t="s">
        <v>1422</v>
      </c>
      <c r="L446" s="13"/>
      <c r="M446" s="13"/>
      <c r="N446" s="6" t="s">
        <v>360</v>
      </c>
      <c r="O446" s="6" t="s">
        <v>1396</v>
      </c>
      <c r="P446" s="13">
        <v>17</v>
      </c>
      <c r="Q446" s="6">
        <v>20</v>
      </c>
      <c r="R446" s="6" t="s">
        <v>83</v>
      </c>
      <c r="T446" s="6" t="s">
        <v>30</v>
      </c>
      <c r="V446" s="3" t="s">
        <v>36</v>
      </c>
      <c r="W446" s="6" t="s">
        <v>1423</v>
      </c>
    </row>
    <row r="447" spans="1:23" s="11" customFormat="1" ht="77.5">
      <c r="A447" s="70">
        <v>894310034</v>
      </c>
      <c r="B447" s="67"/>
      <c r="C447" s="63" t="s">
        <v>1424</v>
      </c>
      <c r="D447" s="65" t="s">
        <v>125</v>
      </c>
      <c r="E447" s="67" t="s">
        <v>43</v>
      </c>
      <c r="F447" s="48" t="s">
        <v>1425</v>
      </c>
      <c r="G447" s="12" t="s">
        <v>1393</v>
      </c>
      <c r="H447" s="6"/>
      <c r="I447" s="6"/>
      <c r="J447" s="6" t="s">
        <v>1426</v>
      </c>
      <c r="K447" s="13" t="s">
        <v>1427</v>
      </c>
      <c r="L447" s="13"/>
      <c r="M447" s="13"/>
      <c r="N447" s="6" t="s">
        <v>360</v>
      </c>
      <c r="O447" s="6" t="s">
        <v>1396</v>
      </c>
      <c r="P447" s="13">
        <v>17</v>
      </c>
      <c r="Q447" s="6">
        <v>25</v>
      </c>
      <c r="R447" s="6" t="s">
        <v>83</v>
      </c>
      <c r="T447" s="6" t="s">
        <v>30</v>
      </c>
      <c r="V447" s="3" t="s">
        <v>36</v>
      </c>
      <c r="W447" s="6" t="s">
        <v>1423</v>
      </c>
    </row>
    <row r="448" spans="1:23" s="11" customFormat="1" ht="15.5">
      <c r="A448" s="70">
        <v>893310033</v>
      </c>
      <c r="B448" s="67"/>
      <c r="C448" s="63" t="s">
        <v>1428</v>
      </c>
      <c r="D448" s="65" t="s">
        <v>125</v>
      </c>
      <c r="E448" s="67" t="s">
        <v>43</v>
      </c>
      <c r="F448" s="48" t="s">
        <v>1429</v>
      </c>
      <c r="G448" s="12" t="s">
        <v>1393</v>
      </c>
      <c r="H448" s="6"/>
      <c r="I448" s="6"/>
      <c r="J448" s="6" t="s">
        <v>1394</v>
      </c>
      <c r="K448" s="13" t="s">
        <v>1411</v>
      </c>
      <c r="L448" s="13"/>
      <c r="M448" s="13"/>
      <c r="N448" s="6" t="s">
        <v>360</v>
      </c>
      <c r="O448" s="6" t="s">
        <v>1396</v>
      </c>
      <c r="P448" s="13">
        <v>35</v>
      </c>
      <c r="Q448" s="6">
        <v>50</v>
      </c>
      <c r="R448" s="6" t="s">
        <v>83</v>
      </c>
      <c r="T448" s="6" t="s">
        <v>30</v>
      </c>
      <c r="V448" s="3" t="s">
        <v>36</v>
      </c>
      <c r="W448" s="6" t="s">
        <v>1401</v>
      </c>
    </row>
    <row r="449" spans="1:23" s="11" customFormat="1" ht="62">
      <c r="A449" s="70">
        <v>894310038</v>
      </c>
      <c r="B449" s="79"/>
      <c r="C449" s="63" t="s">
        <v>1430</v>
      </c>
      <c r="D449" s="65" t="s">
        <v>125</v>
      </c>
      <c r="E449" s="67" t="s">
        <v>43</v>
      </c>
      <c r="F449" s="48" t="s">
        <v>1431</v>
      </c>
      <c r="G449" s="12" t="s">
        <v>1393</v>
      </c>
      <c r="H449" s="6"/>
      <c r="I449" s="6"/>
      <c r="J449" s="6" t="s">
        <v>1394</v>
      </c>
      <c r="K449" s="13" t="s">
        <v>1432</v>
      </c>
      <c r="L449" s="13"/>
      <c r="M449" s="13"/>
      <c r="N449" s="6" t="s">
        <v>360</v>
      </c>
      <c r="O449" s="6" t="s">
        <v>1396</v>
      </c>
      <c r="P449" s="13">
        <v>22</v>
      </c>
      <c r="Q449" s="6">
        <v>25</v>
      </c>
      <c r="R449" s="6" t="s">
        <v>83</v>
      </c>
      <c r="T449" s="6" t="s">
        <v>30</v>
      </c>
      <c r="V449" s="3" t="s">
        <v>36</v>
      </c>
      <c r="W449" s="6" t="s">
        <v>1423</v>
      </c>
    </row>
    <row r="450" spans="1:23" s="11" customFormat="1" ht="93">
      <c r="A450" s="70">
        <v>896310027</v>
      </c>
      <c r="B450" s="67"/>
      <c r="C450" s="63" t="s">
        <v>1433</v>
      </c>
      <c r="D450" s="65" t="s">
        <v>125</v>
      </c>
      <c r="E450" s="67" t="s">
        <v>43</v>
      </c>
      <c r="F450" s="48" t="s">
        <v>1434</v>
      </c>
      <c r="G450" s="12" t="s">
        <v>1393</v>
      </c>
      <c r="H450" s="6"/>
      <c r="I450" s="6"/>
      <c r="J450" s="6" t="s">
        <v>1394</v>
      </c>
      <c r="K450" s="13" t="s">
        <v>1435</v>
      </c>
      <c r="L450" s="13"/>
      <c r="M450" s="13"/>
      <c r="N450" s="6" t="s">
        <v>360</v>
      </c>
      <c r="O450" s="6" t="s">
        <v>1396</v>
      </c>
      <c r="P450" s="13">
        <v>30</v>
      </c>
      <c r="Q450" s="6">
        <v>50</v>
      </c>
      <c r="R450" s="6" t="s">
        <v>83</v>
      </c>
      <c r="T450" s="6" t="s">
        <v>30</v>
      </c>
      <c r="V450" s="3" t="s">
        <v>36</v>
      </c>
      <c r="W450" s="33" t="s">
        <v>1148</v>
      </c>
    </row>
    <row r="451" spans="1:23" s="11" customFormat="1" ht="108.5">
      <c r="A451" s="70">
        <v>896310028</v>
      </c>
      <c r="B451" s="67"/>
      <c r="C451" s="63" t="s">
        <v>1436</v>
      </c>
      <c r="D451" s="65" t="s">
        <v>125</v>
      </c>
      <c r="E451" s="67" t="s">
        <v>43</v>
      </c>
      <c r="F451" s="48" t="s">
        <v>1437</v>
      </c>
      <c r="G451" s="12" t="s">
        <v>1393</v>
      </c>
      <c r="H451" s="6"/>
      <c r="I451" s="6"/>
      <c r="J451" s="6" t="s">
        <v>1394</v>
      </c>
      <c r="K451" s="13" t="s">
        <v>1435</v>
      </c>
      <c r="L451" s="13"/>
      <c r="M451" s="13"/>
      <c r="N451" s="6" t="s">
        <v>360</v>
      </c>
      <c r="O451" s="6" t="s">
        <v>1396</v>
      </c>
      <c r="P451" s="13">
        <v>20</v>
      </c>
      <c r="Q451" s="6">
        <v>50</v>
      </c>
      <c r="R451" s="6" t="s">
        <v>83</v>
      </c>
      <c r="T451" s="6" t="s">
        <v>30</v>
      </c>
      <c r="V451" s="3" t="s">
        <v>36</v>
      </c>
      <c r="W451" s="33" t="s">
        <v>1148</v>
      </c>
    </row>
    <row r="452" spans="1:23" s="11" customFormat="1" ht="15.5">
      <c r="A452" s="70">
        <v>110310005</v>
      </c>
      <c r="B452" s="67"/>
      <c r="C452" s="63" t="s">
        <v>1438</v>
      </c>
      <c r="D452" s="65" t="s">
        <v>125</v>
      </c>
      <c r="E452" s="67" t="s">
        <v>495</v>
      </c>
      <c r="F452" s="48" t="s">
        <v>1439</v>
      </c>
      <c r="G452" s="12" t="s">
        <v>1440</v>
      </c>
      <c r="H452" s="6"/>
      <c r="I452" s="6"/>
      <c r="J452" s="6" t="s">
        <v>1441</v>
      </c>
      <c r="K452" s="13" t="s">
        <v>1442</v>
      </c>
      <c r="L452" s="13" t="s">
        <v>1443</v>
      </c>
      <c r="M452" s="13" t="s">
        <v>1443</v>
      </c>
      <c r="N452" s="6" t="s">
        <v>360</v>
      </c>
      <c r="O452" s="6" t="s">
        <v>1396</v>
      </c>
      <c r="P452" s="13">
        <v>30</v>
      </c>
      <c r="Q452" s="6">
        <v>50</v>
      </c>
      <c r="R452" s="6" t="s">
        <v>35</v>
      </c>
      <c r="S452" s="6"/>
      <c r="T452" s="6" t="s">
        <v>50</v>
      </c>
      <c r="U452" s="6"/>
      <c r="V452" s="3" t="s">
        <v>36</v>
      </c>
      <c r="W452" s="6" t="s">
        <v>1444</v>
      </c>
    </row>
    <row r="453" spans="1:23" s="11" customFormat="1" ht="15.5">
      <c r="A453" s="70">
        <v>110310006</v>
      </c>
      <c r="B453" s="67"/>
      <c r="C453" s="63" t="s">
        <v>1445</v>
      </c>
      <c r="D453" s="65" t="s">
        <v>125</v>
      </c>
      <c r="E453" s="67" t="s">
        <v>495</v>
      </c>
      <c r="F453" s="48" t="s">
        <v>1439</v>
      </c>
      <c r="G453" s="12" t="s">
        <v>1440</v>
      </c>
      <c r="H453" s="6"/>
      <c r="I453" s="6"/>
      <c r="J453" s="6" t="s">
        <v>1441</v>
      </c>
      <c r="K453" s="13" t="s">
        <v>1442</v>
      </c>
      <c r="L453" s="13" t="s">
        <v>1443</v>
      </c>
      <c r="M453" s="13" t="s">
        <v>1443</v>
      </c>
      <c r="N453" s="6" t="s">
        <v>360</v>
      </c>
      <c r="O453" s="6" t="s">
        <v>1396</v>
      </c>
      <c r="P453" s="13">
        <v>30</v>
      </c>
      <c r="Q453" s="6">
        <v>50</v>
      </c>
      <c r="R453" s="6" t="s">
        <v>35</v>
      </c>
      <c r="S453" s="6"/>
      <c r="T453" s="6" t="s">
        <v>50</v>
      </c>
      <c r="U453" s="6"/>
      <c r="V453" s="3" t="s">
        <v>36</v>
      </c>
      <c r="W453" s="6" t="s">
        <v>1444</v>
      </c>
    </row>
    <row r="454" spans="1:23" s="11" customFormat="1" ht="77.5">
      <c r="A454" s="70">
        <v>446310068</v>
      </c>
      <c r="B454" s="67"/>
      <c r="C454" s="63" t="s">
        <v>1446</v>
      </c>
      <c r="D454" s="65" t="s">
        <v>125</v>
      </c>
      <c r="E454" s="67" t="s">
        <v>43</v>
      </c>
      <c r="F454" s="48" t="s">
        <v>1447</v>
      </c>
      <c r="G454" s="12" t="s">
        <v>1393</v>
      </c>
      <c r="H454" s="6"/>
      <c r="I454" s="6"/>
      <c r="J454" s="6" t="s">
        <v>99</v>
      </c>
      <c r="K454" s="13" t="s">
        <v>1448</v>
      </c>
      <c r="L454" s="13"/>
      <c r="M454" s="13"/>
      <c r="N454" s="6" t="s">
        <v>360</v>
      </c>
      <c r="O454" s="6" t="s">
        <v>1396</v>
      </c>
      <c r="P454" s="13">
        <v>20</v>
      </c>
      <c r="Q454" s="6">
        <v>25</v>
      </c>
      <c r="R454" s="6" t="s">
        <v>83</v>
      </c>
      <c r="S454" s="6"/>
      <c r="T454" s="6"/>
      <c r="U454" s="6"/>
      <c r="V454" s="3" t="s">
        <v>36</v>
      </c>
      <c r="W454" s="6" t="s">
        <v>1449</v>
      </c>
    </row>
    <row r="455" spans="1:23" s="11" customFormat="1" ht="409.5">
      <c r="A455" s="70">
        <v>882310001</v>
      </c>
      <c r="B455" s="67"/>
      <c r="C455" s="63" t="s">
        <v>1450</v>
      </c>
      <c r="D455" s="65" t="s">
        <v>125</v>
      </c>
      <c r="E455" s="67" t="s">
        <v>43</v>
      </c>
      <c r="F455" s="48" t="s">
        <v>1451</v>
      </c>
      <c r="G455" s="12" t="s">
        <v>1393</v>
      </c>
      <c r="H455" s="6"/>
      <c r="I455" s="6"/>
      <c r="J455" s="6" t="s">
        <v>99</v>
      </c>
      <c r="K455" s="13" t="s">
        <v>1452</v>
      </c>
      <c r="L455" s="13"/>
      <c r="M455" s="13"/>
      <c r="N455" s="6" t="s">
        <v>360</v>
      </c>
      <c r="O455" s="6" t="s">
        <v>1396</v>
      </c>
      <c r="P455" s="13">
        <v>34</v>
      </c>
      <c r="Q455" s="6">
        <v>50</v>
      </c>
      <c r="R455" s="6" t="s">
        <v>83</v>
      </c>
      <c r="S455" s="6"/>
      <c r="T455" s="6" t="s">
        <v>30</v>
      </c>
      <c r="U455" s="6"/>
      <c r="V455" s="3" t="s">
        <v>36</v>
      </c>
      <c r="W455" s="33" t="s">
        <v>1453</v>
      </c>
    </row>
    <row r="456" spans="1:23" s="11" customFormat="1" ht="77.5">
      <c r="A456" s="70">
        <v>890110005</v>
      </c>
      <c r="B456" s="67"/>
      <c r="C456" s="63" t="s">
        <v>1454</v>
      </c>
      <c r="D456" s="65" t="s">
        <v>125</v>
      </c>
      <c r="E456" s="67" t="s">
        <v>43</v>
      </c>
      <c r="F456" s="48" t="s">
        <v>1455</v>
      </c>
      <c r="G456" s="12" t="s">
        <v>1393</v>
      </c>
      <c r="H456" s="6"/>
      <c r="I456" s="6"/>
      <c r="J456" s="6" t="s">
        <v>99</v>
      </c>
      <c r="K456" s="13" t="s">
        <v>1456</v>
      </c>
      <c r="L456" s="13"/>
      <c r="M456" s="13"/>
      <c r="N456" s="6" t="s">
        <v>360</v>
      </c>
      <c r="O456" s="6" t="s">
        <v>1396</v>
      </c>
      <c r="P456" s="13">
        <v>35</v>
      </c>
      <c r="Q456" s="6">
        <v>50</v>
      </c>
      <c r="R456" s="6" t="s">
        <v>83</v>
      </c>
      <c r="S456" s="6"/>
      <c r="T456" s="6" t="s">
        <v>30</v>
      </c>
      <c r="U456" s="6"/>
      <c r="V456" s="3" t="s">
        <v>36</v>
      </c>
      <c r="W456" s="6" t="s">
        <v>1152</v>
      </c>
    </row>
    <row r="457" spans="1:23" s="11" customFormat="1" ht="294.5">
      <c r="A457" s="70">
        <v>113310007</v>
      </c>
      <c r="B457" s="67"/>
      <c r="C457" s="63" t="s">
        <v>1457</v>
      </c>
      <c r="D457" s="65" t="s">
        <v>125</v>
      </c>
      <c r="E457" s="67" t="s">
        <v>43</v>
      </c>
      <c r="F457" s="48" t="s">
        <v>1392</v>
      </c>
      <c r="G457" s="12" t="s">
        <v>1393</v>
      </c>
      <c r="H457" s="6"/>
      <c r="I457" s="6"/>
      <c r="J457" s="6" t="s">
        <v>99</v>
      </c>
      <c r="K457" s="13" t="s">
        <v>1458</v>
      </c>
      <c r="L457" s="13"/>
      <c r="M457" s="13"/>
      <c r="N457" s="6" t="s">
        <v>360</v>
      </c>
      <c r="O457" s="6" t="s">
        <v>1396</v>
      </c>
      <c r="P457" s="13">
        <v>30</v>
      </c>
      <c r="Q457" s="6">
        <v>50</v>
      </c>
      <c r="R457" s="6" t="s">
        <v>83</v>
      </c>
      <c r="S457" s="6"/>
      <c r="T457" s="6" t="s">
        <v>30</v>
      </c>
      <c r="U457" s="6"/>
      <c r="V457" s="3" t="s">
        <v>36</v>
      </c>
      <c r="W457" s="33" t="s">
        <v>1459</v>
      </c>
    </row>
    <row r="458" spans="1:23" s="11" customFormat="1" ht="62">
      <c r="A458" s="70">
        <v>443310003</v>
      </c>
      <c r="B458" s="67"/>
      <c r="C458" s="63" t="s">
        <v>1460</v>
      </c>
      <c r="D458" s="65" t="s">
        <v>125</v>
      </c>
      <c r="E458" s="67" t="s">
        <v>43</v>
      </c>
      <c r="F458" s="48" t="s">
        <v>1461</v>
      </c>
      <c r="G458" s="12" t="s">
        <v>1393</v>
      </c>
      <c r="H458" s="6"/>
      <c r="I458" s="6"/>
      <c r="J458" s="6" t="s">
        <v>45</v>
      </c>
      <c r="K458" s="13" t="s">
        <v>1416</v>
      </c>
      <c r="L458" s="13"/>
      <c r="M458" s="13"/>
      <c r="N458" s="6" t="s">
        <v>360</v>
      </c>
      <c r="O458" s="6" t="s">
        <v>1396</v>
      </c>
      <c r="P458" s="13">
        <v>85</v>
      </c>
      <c r="Q458" s="6">
        <v>100</v>
      </c>
      <c r="R458" s="6" t="s">
        <v>83</v>
      </c>
      <c r="S458" s="6"/>
      <c r="T458" s="6" t="s">
        <v>1462</v>
      </c>
      <c r="U458" s="6"/>
      <c r="V458" s="3" t="s">
        <v>36</v>
      </c>
      <c r="W458" s="33" t="s">
        <v>1760</v>
      </c>
    </row>
    <row r="459" spans="1:23" s="11" customFormat="1" ht="77.5">
      <c r="A459" s="70">
        <v>446310087</v>
      </c>
      <c r="B459" s="67"/>
      <c r="C459" s="63" t="s">
        <v>1463</v>
      </c>
      <c r="D459" s="65" t="s">
        <v>125</v>
      </c>
      <c r="E459" s="67" t="s">
        <v>43</v>
      </c>
      <c r="F459" s="48" t="s">
        <v>1464</v>
      </c>
      <c r="G459" s="12" t="s">
        <v>1393</v>
      </c>
      <c r="H459" s="6"/>
      <c r="I459" s="6"/>
      <c r="J459" s="6" t="s">
        <v>99</v>
      </c>
      <c r="K459" s="13" t="s">
        <v>1465</v>
      </c>
      <c r="L459" s="13"/>
      <c r="M459" s="13"/>
      <c r="N459" s="6" t="s">
        <v>360</v>
      </c>
      <c r="O459" s="6" t="s">
        <v>1396</v>
      </c>
      <c r="P459" s="13">
        <v>65</v>
      </c>
      <c r="Q459" s="6">
        <v>70</v>
      </c>
      <c r="R459" s="6" t="s">
        <v>83</v>
      </c>
      <c r="S459" s="6"/>
      <c r="T459" s="6" t="s">
        <v>1462</v>
      </c>
      <c r="U459" s="6"/>
      <c r="V459" s="3" t="s">
        <v>36</v>
      </c>
      <c r="W459" s="6" t="s">
        <v>1449</v>
      </c>
    </row>
    <row r="460" spans="1:23" s="11" customFormat="1" ht="31">
      <c r="A460" s="70">
        <v>619310036</v>
      </c>
      <c r="B460" s="67"/>
      <c r="C460" s="63" t="s">
        <v>94</v>
      </c>
      <c r="D460" s="65" t="s">
        <v>125</v>
      </c>
      <c r="E460" s="67" t="s">
        <v>43</v>
      </c>
      <c r="F460" s="48" t="s">
        <v>1466</v>
      </c>
      <c r="G460" s="12" t="s">
        <v>1393</v>
      </c>
      <c r="H460" s="6"/>
      <c r="I460" s="6"/>
      <c r="J460" s="6" t="s">
        <v>45</v>
      </c>
      <c r="K460" s="13" t="s">
        <v>1467</v>
      </c>
      <c r="L460" s="13"/>
      <c r="M460" s="13"/>
      <c r="N460" s="6" t="s">
        <v>360</v>
      </c>
      <c r="O460" s="6" t="s">
        <v>1396</v>
      </c>
      <c r="P460" s="13">
        <v>50</v>
      </c>
      <c r="Q460" s="6">
        <v>70</v>
      </c>
      <c r="R460" s="6" t="s">
        <v>83</v>
      </c>
      <c r="S460" s="6"/>
      <c r="T460" s="6" t="s">
        <v>30</v>
      </c>
      <c r="U460" s="6"/>
      <c r="V460" s="3" t="s">
        <v>36</v>
      </c>
      <c r="W460" s="6" t="s">
        <v>93</v>
      </c>
    </row>
    <row r="461" spans="1:23" s="11" customFormat="1" ht="409.5">
      <c r="A461" s="70">
        <v>882310003</v>
      </c>
      <c r="B461" s="67"/>
      <c r="C461" s="63" t="s">
        <v>1468</v>
      </c>
      <c r="D461" s="65" t="s">
        <v>125</v>
      </c>
      <c r="E461" s="67" t="s">
        <v>43</v>
      </c>
      <c r="F461" s="48" t="s">
        <v>1451</v>
      </c>
      <c r="G461" s="12" t="s">
        <v>1393</v>
      </c>
      <c r="H461" s="6"/>
      <c r="I461" s="6"/>
      <c r="J461" s="6" t="s">
        <v>99</v>
      </c>
      <c r="K461" s="13" t="s">
        <v>1411</v>
      </c>
      <c r="L461" s="13"/>
      <c r="M461" s="13"/>
      <c r="N461" s="6" t="s">
        <v>360</v>
      </c>
      <c r="O461" s="6" t="s">
        <v>1396</v>
      </c>
      <c r="P461" s="13">
        <v>60</v>
      </c>
      <c r="Q461" s="6">
        <v>80</v>
      </c>
      <c r="R461" s="6" t="s">
        <v>83</v>
      </c>
      <c r="S461" s="6"/>
      <c r="T461" s="6" t="s">
        <v>30</v>
      </c>
      <c r="U461" s="6"/>
      <c r="V461" s="3" t="s">
        <v>36</v>
      </c>
      <c r="W461" s="33" t="s">
        <v>1453</v>
      </c>
    </row>
    <row r="462" spans="1:23" s="11" customFormat="1" ht="77.5">
      <c r="A462" s="70">
        <v>890110016</v>
      </c>
      <c r="B462" s="67"/>
      <c r="C462" s="63" t="s">
        <v>1469</v>
      </c>
      <c r="D462" s="65" t="s">
        <v>125</v>
      </c>
      <c r="E462" s="67" t="s">
        <v>43</v>
      </c>
      <c r="F462" s="48" t="s">
        <v>1455</v>
      </c>
      <c r="G462" s="12" t="s">
        <v>1393</v>
      </c>
      <c r="H462" s="6"/>
      <c r="I462" s="6"/>
      <c r="J462" s="6" t="s">
        <v>99</v>
      </c>
      <c r="K462" s="13" t="s">
        <v>1470</v>
      </c>
      <c r="L462" s="13"/>
      <c r="M462" s="13"/>
      <c r="N462" s="6" t="s">
        <v>360</v>
      </c>
      <c r="O462" s="6" t="s">
        <v>1396</v>
      </c>
      <c r="P462" s="13">
        <v>65</v>
      </c>
      <c r="Q462" s="6">
        <v>80</v>
      </c>
      <c r="R462" s="6" t="s">
        <v>83</v>
      </c>
      <c r="S462" s="6"/>
      <c r="T462" s="6" t="s">
        <v>30</v>
      </c>
      <c r="U462" s="6"/>
      <c r="V462" s="3" t="s">
        <v>36</v>
      </c>
      <c r="W462" s="6" t="s">
        <v>1152</v>
      </c>
    </row>
    <row r="463" spans="1:23" s="11" customFormat="1" ht="232.5">
      <c r="A463" s="70">
        <v>893310042</v>
      </c>
      <c r="B463" s="67"/>
      <c r="C463" s="63" t="s">
        <v>1471</v>
      </c>
      <c r="D463" s="65" t="s">
        <v>125</v>
      </c>
      <c r="E463" s="67" t="s">
        <v>43</v>
      </c>
      <c r="F463" s="48" t="s">
        <v>1472</v>
      </c>
      <c r="G463" s="12" t="s">
        <v>1393</v>
      </c>
      <c r="H463" s="6"/>
      <c r="I463" s="6"/>
      <c r="J463" s="6" t="s">
        <v>99</v>
      </c>
      <c r="K463" s="13" t="s">
        <v>1473</v>
      </c>
      <c r="L463" s="13"/>
      <c r="M463" s="13"/>
      <c r="N463" s="6" t="s">
        <v>360</v>
      </c>
      <c r="O463" s="6" t="s">
        <v>1396</v>
      </c>
      <c r="P463" s="13">
        <v>75</v>
      </c>
      <c r="Q463" s="6">
        <v>90</v>
      </c>
      <c r="R463" s="6" t="s">
        <v>83</v>
      </c>
      <c r="S463" s="6"/>
      <c r="T463" s="6" t="s">
        <v>30</v>
      </c>
      <c r="U463" s="6"/>
      <c r="V463" s="3" t="s">
        <v>36</v>
      </c>
      <c r="W463" s="33" t="s">
        <v>1401</v>
      </c>
    </row>
    <row r="464" spans="1:23" s="11" customFormat="1" ht="232.5">
      <c r="A464" s="70">
        <v>893310043</v>
      </c>
      <c r="B464" s="67"/>
      <c r="C464" s="63" t="s">
        <v>1474</v>
      </c>
      <c r="D464" s="65" t="s">
        <v>125</v>
      </c>
      <c r="E464" s="67" t="s">
        <v>43</v>
      </c>
      <c r="F464" s="48" t="s">
        <v>1413</v>
      </c>
      <c r="G464" s="12" t="s">
        <v>1393</v>
      </c>
      <c r="H464" s="6"/>
      <c r="I464" s="6"/>
      <c r="J464" s="6" t="s">
        <v>99</v>
      </c>
      <c r="K464" s="13" t="s">
        <v>1475</v>
      </c>
      <c r="L464" s="13"/>
      <c r="M464" s="13"/>
      <c r="N464" s="6" t="s">
        <v>360</v>
      </c>
      <c r="O464" s="6" t="s">
        <v>1396</v>
      </c>
      <c r="P464" s="13">
        <v>85</v>
      </c>
      <c r="Q464" s="6">
        <v>100</v>
      </c>
      <c r="R464" s="6" t="s">
        <v>83</v>
      </c>
      <c r="S464" s="6"/>
      <c r="T464" s="6" t="s">
        <v>30</v>
      </c>
      <c r="U464" s="6"/>
      <c r="V464" s="3" t="s">
        <v>36</v>
      </c>
      <c r="W464" s="33" t="s">
        <v>1401</v>
      </c>
    </row>
    <row r="465" spans="1:23" s="11" customFormat="1" ht="310">
      <c r="A465" s="70">
        <v>893310044</v>
      </c>
      <c r="B465" s="67"/>
      <c r="C465" s="63" t="s">
        <v>1476</v>
      </c>
      <c r="D465" s="65" t="s">
        <v>125</v>
      </c>
      <c r="E465" s="67" t="s">
        <v>43</v>
      </c>
      <c r="F465" s="48" t="s">
        <v>1477</v>
      </c>
      <c r="G465" s="12" t="s">
        <v>1393</v>
      </c>
      <c r="H465" s="6"/>
      <c r="I465" s="6"/>
      <c r="J465" s="6" t="s">
        <v>99</v>
      </c>
      <c r="K465" s="13" t="s">
        <v>1478</v>
      </c>
      <c r="L465" s="13"/>
      <c r="M465" s="13"/>
      <c r="N465" s="6" t="s">
        <v>360</v>
      </c>
      <c r="O465" s="6" t="s">
        <v>1396</v>
      </c>
      <c r="P465" s="13">
        <v>60</v>
      </c>
      <c r="Q465" s="6">
        <v>80</v>
      </c>
      <c r="R465" s="6" t="s">
        <v>83</v>
      </c>
      <c r="S465" s="6"/>
      <c r="T465" s="6" t="s">
        <v>30</v>
      </c>
      <c r="U465" s="6"/>
      <c r="V465" s="3" t="s">
        <v>36</v>
      </c>
      <c r="W465" s="33" t="s">
        <v>1401</v>
      </c>
    </row>
    <row r="466" spans="1:23" s="11" customFormat="1" ht="139.5">
      <c r="A466" s="70">
        <v>893310045</v>
      </c>
      <c r="B466" s="67"/>
      <c r="C466" s="63" t="s">
        <v>1479</v>
      </c>
      <c r="D466" s="65" t="s">
        <v>125</v>
      </c>
      <c r="E466" s="67" t="s">
        <v>43</v>
      </c>
      <c r="F466" s="48" t="s">
        <v>1480</v>
      </c>
      <c r="G466" s="12" t="s">
        <v>1393</v>
      </c>
      <c r="H466" s="6"/>
      <c r="I466" s="6"/>
      <c r="J466" s="6" t="s">
        <v>99</v>
      </c>
      <c r="K466" s="13" t="s">
        <v>1475</v>
      </c>
      <c r="L466" s="13"/>
      <c r="M466" s="13"/>
      <c r="N466" s="6" t="s">
        <v>360</v>
      </c>
      <c r="O466" s="6" t="s">
        <v>1396</v>
      </c>
      <c r="P466" s="13">
        <v>85</v>
      </c>
      <c r="Q466" s="6">
        <v>100</v>
      </c>
      <c r="R466" s="6" t="s">
        <v>83</v>
      </c>
      <c r="S466" s="6"/>
      <c r="T466" s="6" t="s">
        <v>30</v>
      </c>
      <c r="U466" s="6"/>
      <c r="V466" s="3" t="s">
        <v>36</v>
      </c>
      <c r="W466" s="33" t="s">
        <v>1401</v>
      </c>
    </row>
    <row r="467" spans="1:23" s="11" customFormat="1" ht="201.5">
      <c r="A467" s="70">
        <v>893310046</v>
      </c>
      <c r="B467" s="67"/>
      <c r="C467" s="63" t="s">
        <v>1481</v>
      </c>
      <c r="D467" s="65" t="s">
        <v>125</v>
      </c>
      <c r="E467" s="67" t="s">
        <v>43</v>
      </c>
      <c r="F467" s="48" t="s">
        <v>1482</v>
      </c>
      <c r="G467" s="12" t="s">
        <v>1393</v>
      </c>
      <c r="H467" s="6"/>
      <c r="I467" s="6"/>
      <c r="J467" s="6" t="s">
        <v>99</v>
      </c>
      <c r="K467" s="13" t="s">
        <v>1483</v>
      </c>
      <c r="L467" s="13"/>
      <c r="M467" s="13"/>
      <c r="N467" s="6" t="s">
        <v>360</v>
      </c>
      <c r="O467" s="6" t="s">
        <v>1396</v>
      </c>
      <c r="P467" s="13">
        <v>80</v>
      </c>
      <c r="Q467" s="6">
        <v>100</v>
      </c>
      <c r="R467" s="6" t="s">
        <v>83</v>
      </c>
      <c r="S467" s="6"/>
      <c r="T467" s="6" t="s">
        <v>30</v>
      </c>
      <c r="U467" s="6"/>
      <c r="V467" s="3" t="s">
        <v>36</v>
      </c>
      <c r="W467" s="33" t="s">
        <v>1401</v>
      </c>
    </row>
    <row r="468" spans="1:23" s="11" customFormat="1" ht="93">
      <c r="A468" s="70">
        <v>894310051</v>
      </c>
      <c r="B468" s="67"/>
      <c r="C468" s="63" t="s">
        <v>1484</v>
      </c>
      <c r="D468" s="65" t="s">
        <v>125</v>
      </c>
      <c r="E468" s="67" t="s">
        <v>43</v>
      </c>
      <c r="F468" s="48" t="s">
        <v>1485</v>
      </c>
      <c r="G468" s="12" t="s">
        <v>1393</v>
      </c>
      <c r="H468" s="6"/>
      <c r="I468" s="6" t="s">
        <v>145</v>
      </c>
      <c r="J468" s="6"/>
      <c r="K468" s="13" t="s">
        <v>1486</v>
      </c>
      <c r="L468" s="13"/>
      <c r="M468" s="13"/>
      <c r="N468" s="6" t="s">
        <v>360</v>
      </c>
      <c r="O468" s="6" t="s">
        <v>1396</v>
      </c>
      <c r="P468" s="13">
        <v>35</v>
      </c>
      <c r="Q468" s="6">
        <v>50</v>
      </c>
      <c r="R468" s="6" t="s">
        <v>83</v>
      </c>
      <c r="S468" s="6"/>
      <c r="T468" s="6" t="s">
        <v>30</v>
      </c>
      <c r="U468" s="6"/>
      <c r="V468" s="3" t="s">
        <v>36</v>
      </c>
      <c r="W468" s="33" t="s">
        <v>1423</v>
      </c>
    </row>
    <row r="469" spans="1:23" s="11" customFormat="1" ht="93">
      <c r="A469" s="70">
        <v>896310033</v>
      </c>
      <c r="B469" s="67"/>
      <c r="C469" s="63" t="s">
        <v>1487</v>
      </c>
      <c r="D469" s="65" t="s">
        <v>125</v>
      </c>
      <c r="E469" s="67" t="s">
        <v>43</v>
      </c>
      <c r="F469" s="48" t="s">
        <v>1434</v>
      </c>
      <c r="G469" s="12" t="s">
        <v>1393</v>
      </c>
      <c r="H469" s="6"/>
      <c r="I469" s="6"/>
      <c r="J469" s="6" t="s">
        <v>99</v>
      </c>
      <c r="K469" s="13" t="s">
        <v>1475</v>
      </c>
      <c r="L469" s="13"/>
      <c r="M469" s="13"/>
      <c r="N469" s="6" t="s">
        <v>360</v>
      </c>
      <c r="O469" s="6" t="s">
        <v>1396</v>
      </c>
      <c r="P469" s="13">
        <v>50</v>
      </c>
      <c r="Q469" s="6">
        <v>85</v>
      </c>
      <c r="R469" s="6" t="s">
        <v>83</v>
      </c>
      <c r="S469" s="6"/>
      <c r="T469" s="6" t="s">
        <v>30</v>
      </c>
      <c r="U469" s="6"/>
      <c r="V469" s="3" t="s">
        <v>36</v>
      </c>
      <c r="W469" s="33" t="s">
        <v>1148</v>
      </c>
    </row>
    <row r="470" spans="1:23" s="11" customFormat="1" ht="108.5">
      <c r="A470" s="70">
        <v>896310034</v>
      </c>
      <c r="B470" s="67"/>
      <c r="C470" s="63" t="s">
        <v>1488</v>
      </c>
      <c r="D470" s="65" t="s">
        <v>125</v>
      </c>
      <c r="E470" s="67" t="s">
        <v>43</v>
      </c>
      <c r="F470" s="48" t="s">
        <v>1437</v>
      </c>
      <c r="G470" s="12" t="s">
        <v>1393</v>
      </c>
      <c r="H470" s="6"/>
      <c r="I470" s="6"/>
      <c r="J470" s="6" t="s">
        <v>99</v>
      </c>
      <c r="K470" s="13" t="s">
        <v>1475</v>
      </c>
      <c r="L470" s="13"/>
      <c r="M470" s="13"/>
      <c r="N470" s="6" t="s">
        <v>360</v>
      </c>
      <c r="O470" s="6" t="s">
        <v>1396</v>
      </c>
      <c r="P470" s="13">
        <v>40</v>
      </c>
      <c r="Q470" s="6">
        <v>60</v>
      </c>
      <c r="R470" s="6" t="s">
        <v>83</v>
      </c>
      <c r="S470" s="6"/>
      <c r="T470" s="6" t="s">
        <v>30</v>
      </c>
      <c r="U470" s="6"/>
      <c r="V470" s="3" t="s">
        <v>36</v>
      </c>
      <c r="W470" s="33" t="s">
        <v>1148</v>
      </c>
    </row>
    <row r="471" spans="1:23" s="11" customFormat="1" ht="31">
      <c r="A471" s="70">
        <v>880140017</v>
      </c>
      <c r="B471" s="67"/>
      <c r="C471" s="63" t="s">
        <v>1489</v>
      </c>
      <c r="D471" s="65" t="s">
        <v>126</v>
      </c>
      <c r="E471" s="67" t="s">
        <v>27</v>
      </c>
      <c r="F471" s="48" t="s">
        <v>1490</v>
      </c>
      <c r="G471" s="22" t="s">
        <v>1491</v>
      </c>
      <c r="H471" s="6"/>
      <c r="I471" s="6"/>
      <c r="J471" s="6" t="s">
        <v>956</v>
      </c>
      <c r="K471" s="13"/>
      <c r="L471" s="13"/>
      <c r="M471" s="13"/>
      <c r="N471" s="6" t="s">
        <v>360</v>
      </c>
      <c r="O471" s="6" t="s">
        <v>1492</v>
      </c>
      <c r="P471" s="13">
        <v>100</v>
      </c>
      <c r="Q471" s="6">
        <v>120</v>
      </c>
      <c r="R471" s="6" t="s">
        <v>83</v>
      </c>
      <c r="S471" s="6"/>
      <c r="T471" s="6"/>
      <c r="U471" s="44">
        <v>0.5</v>
      </c>
      <c r="V471" s="3" t="s">
        <v>36</v>
      </c>
      <c r="W471" s="33" t="s">
        <v>1493</v>
      </c>
    </row>
    <row r="472" spans="1:23" s="11" customFormat="1" ht="31">
      <c r="A472" s="70">
        <v>345330009</v>
      </c>
      <c r="B472" s="67"/>
      <c r="C472" s="63" t="s">
        <v>1494</v>
      </c>
      <c r="D472" s="65" t="s">
        <v>124</v>
      </c>
      <c r="E472" s="67" t="s">
        <v>81</v>
      </c>
      <c r="F472" s="48" t="s">
        <v>1495</v>
      </c>
      <c r="G472" s="22" t="s">
        <v>1496</v>
      </c>
      <c r="H472" s="6"/>
      <c r="I472" s="6"/>
      <c r="J472" s="6" t="s">
        <v>1216</v>
      </c>
      <c r="K472" s="13" t="s">
        <v>957</v>
      </c>
      <c r="L472" s="13" t="s">
        <v>1004</v>
      </c>
      <c r="M472" s="13"/>
      <c r="N472" s="6" t="s">
        <v>360</v>
      </c>
      <c r="O472" s="6" t="s">
        <v>1492</v>
      </c>
      <c r="P472" s="13">
        <v>80</v>
      </c>
      <c r="Q472" s="6">
        <v>120</v>
      </c>
      <c r="R472" s="6" t="s">
        <v>35</v>
      </c>
      <c r="S472" s="6"/>
      <c r="T472" s="6" t="s">
        <v>30</v>
      </c>
      <c r="U472" s="6"/>
      <c r="V472" s="3" t="s">
        <v>36</v>
      </c>
      <c r="W472" s="33" t="s">
        <v>280</v>
      </c>
    </row>
    <row r="473" spans="1:23" s="11" customFormat="1" ht="31">
      <c r="A473" s="70">
        <v>345330014</v>
      </c>
      <c r="B473" s="67"/>
      <c r="C473" s="63" t="s">
        <v>1497</v>
      </c>
      <c r="D473" s="65" t="s">
        <v>124</v>
      </c>
      <c r="E473" s="67" t="s">
        <v>27</v>
      </c>
      <c r="F473" s="48" t="s">
        <v>1498</v>
      </c>
      <c r="G473" s="22" t="s">
        <v>1499</v>
      </c>
      <c r="H473" s="6"/>
      <c r="I473" s="6"/>
      <c r="J473" s="6" t="s">
        <v>956</v>
      </c>
      <c r="K473" s="13" t="s">
        <v>947</v>
      </c>
      <c r="L473" s="13" t="s">
        <v>578</v>
      </c>
      <c r="M473" s="13" t="s">
        <v>446</v>
      </c>
      <c r="N473" s="6" t="s">
        <v>360</v>
      </c>
      <c r="O473" s="6" t="s">
        <v>1492</v>
      </c>
      <c r="P473" s="13">
        <v>250</v>
      </c>
      <c r="Q473" s="6">
        <v>350</v>
      </c>
      <c r="R473" s="6" t="s">
        <v>83</v>
      </c>
      <c r="S473" s="6"/>
      <c r="T473" s="6" t="s">
        <v>50</v>
      </c>
      <c r="U473" s="6"/>
      <c r="V473" s="3" t="s">
        <v>36</v>
      </c>
      <c r="W473" s="33" t="s">
        <v>1500</v>
      </c>
    </row>
    <row r="474" spans="1:23" s="11" customFormat="1" ht="31">
      <c r="A474" s="70">
        <v>222340049</v>
      </c>
      <c r="B474" s="67"/>
      <c r="C474" s="63" t="s">
        <v>1501</v>
      </c>
      <c r="D474" s="65" t="s">
        <v>126</v>
      </c>
      <c r="E474" s="67" t="s">
        <v>27</v>
      </c>
      <c r="F474" s="48" t="s">
        <v>1502</v>
      </c>
      <c r="G474" s="22" t="s">
        <v>1503</v>
      </c>
      <c r="H474" s="6"/>
      <c r="I474" s="6"/>
      <c r="J474" s="6" t="s">
        <v>1504</v>
      </c>
      <c r="K474" s="13" t="s">
        <v>1505</v>
      </c>
      <c r="L474" s="13" t="s">
        <v>1506</v>
      </c>
      <c r="M474" s="13" t="s">
        <v>1507</v>
      </c>
      <c r="N474" s="6" t="s">
        <v>360</v>
      </c>
      <c r="O474" s="6" t="s">
        <v>1492</v>
      </c>
      <c r="P474" s="37">
        <v>700</v>
      </c>
      <c r="Q474" s="21">
        <v>1000</v>
      </c>
      <c r="R474" s="6" t="s">
        <v>83</v>
      </c>
      <c r="S474" s="6"/>
      <c r="T474" s="6"/>
      <c r="U474" s="44">
        <v>0.5</v>
      </c>
      <c r="V474" s="3" t="s">
        <v>36</v>
      </c>
      <c r="W474" s="33" t="s">
        <v>787</v>
      </c>
    </row>
    <row r="475" spans="1:23" s="11" customFormat="1" ht="31">
      <c r="A475" s="70">
        <v>222340051</v>
      </c>
      <c r="B475" s="67"/>
      <c r="C475" s="63" t="s">
        <v>785</v>
      </c>
      <c r="D475" s="65" t="s">
        <v>126</v>
      </c>
      <c r="E475" s="67" t="s">
        <v>81</v>
      </c>
      <c r="F475" s="48" t="s">
        <v>1508</v>
      </c>
      <c r="G475" s="22" t="s">
        <v>1509</v>
      </c>
      <c r="H475" s="6"/>
      <c r="I475" s="6"/>
      <c r="J475" s="6" t="s">
        <v>454</v>
      </c>
      <c r="K475" s="13" t="s">
        <v>1505</v>
      </c>
      <c r="L475" s="13" t="s">
        <v>1506</v>
      </c>
      <c r="M475" s="13" t="s">
        <v>1507</v>
      </c>
      <c r="N475" s="6" t="s">
        <v>360</v>
      </c>
      <c r="O475" s="6" t="s">
        <v>1492</v>
      </c>
      <c r="P475" s="13">
        <v>90</v>
      </c>
      <c r="Q475" s="6">
        <v>100</v>
      </c>
      <c r="R475" s="6" t="s">
        <v>35</v>
      </c>
      <c r="S475" s="6"/>
      <c r="T475" s="6"/>
      <c r="U475" s="44">
        <v>0.5</v>
      </c>
      <c r="V475" s="3" t="s">
        <v>36</v>
      </c>
      <c r="W475" s="33" t="s">
        <v>787</v>
      </c>
    </row>
    <row r="476" spans="1:23" s="11" customFormat="1" ht="31">
      <c r="A476" s="70">
        <v>551340004</v>
      </c>
      <c r="B476" s="67"/>
      <c r="C476" s="63" t="s">
        <v>1510</v>
      </c>
      <c r="D476" s="65" t="s">
        <v>126</v>
      </c>
      <c r="E476" s="67" t="s">
        <v>86</v>
      </c>
      <c r="F476" s="48" t="s">
        <v>1511</v>
      </c>
      <c r="G476" s="22" t="s">
        <v>1512</v>
      </c>
      <c r="H476" s="6"/>
      <c r="I476" s="6"/>
      <c r="J476" s="6" t="s">
        <v>1513</v>
      </c>
      <c r="K476" s="13" t="s">
        <v>578</v>
      </c>
      <c r="L476" s="13" t="s">
        <v>1514</v>
      </c>
      <c r="M476" s="13" t="s">
        <v>446</v>
      </c>
      <c r="N476" s="6" t="s">
        <v>360</v>
      </c>
      <c r="O476" s="6" t="s">
        <v>1492</v>
      </c>
      <c r="P476" s="13">
        <v>75</v>
      </c>
      <c r="Q476" s="6">
        <v>120</v>
      </c>
      <c r="R476" s="6" t="s">
        <v>83</v>
      </c>
      <c r="S476" s="6"/>
      <c r="T476" s="6"/>
      <c r="U476" s="44">
        <v>0.5</v>
      </c>
      <c r="V476" s="3" t="s">
        <v>36</v>
      </c>
      <c r="W476" s="6" t="s">
        <v>1515</v>
      </c>
    </row>
    <row r="477" spans="1:23" s="11" customFormat="1" ht="31">
      <c r="A477" s="70">
        <v>551340005</v>
      </c>
      <c r="B477" s="67"/>
      <c r="C477" s="63" t="s">
        <v>1516</v>
      </c>
      <c r="D477" s="65" t="s">
        <v>126</v>
      </c>
      <c r="E477" s="67" t="s">
        <v>86</v>
      </c>
      <c r="F477" s="48" t="s">
        <v>1511</v>
      </c>
      <c r="G477" s="22" t="s">
        <v>1517</v>
      </c>
      <c r="H477" s="6"/>
      <c r="I477" s="6"/>
      <c r="J477" s="6" t="s">
        <v>1513</v>
      </c>
      <c r="K477" s="13" t="s">
        <v>578</v>
      </c>
      <c r="L477" s="13" t="s">
        <v>1514</v>
      </c>
      <c r="M477" s="13" t="s">
        <v>446</v>
      </c>
      <c r="N477" s="6" t="s">
        <v>360</v>
      </c>
      <c r="O477" s="6" t="s">
        <v>1492</v>
      </c>
      <c r="P477" s="13">
        <v>70</v>
      </c>
      <c r="Q477" s="6">
        <v>100</v>
      </c>
      <c r="R477" s="6" t="s">
        <v>83</v>
      </c>
      <c r="S477" s="6"/>
      <c r="T477" s="6"/>
      <c r="U477" s="44">
        <v>0.5</v>
      </c>
      <c r="V477" s="3" t="s">
        <v>36</v>
      </c>
      <c r="W477" s="6" t="s">
        <v>1515</v>
      </c>
    </row>
    <row r="478" spans="1:23" s="11" customFormat="1" ht="31">
      <c r="A478" s="70">
        <v>438330016</v>
      </c>
      <c r="B478" s="67" t="s">
        <v>310</v>
      </c>
      <c r="C478" s="63" t="s">
        <v>1518</v>
      </c>
      <c r="D478" s="65" t="s">
        <v>124</v>
      </c>
      <c r="E478" s="67" t="s">
        <v>266</v>
      </c>
      <c r="F478" s="48" t="s">
        <v>1519</v>
      </c>
      <c r="G478" s="22" t="s">
        <v>1520</v>
      </c>
      <c r="H478" s="6"/>
      <c r="I478" s="6"/>
      <c r="J478" s="6" t="s">
        <v>1521</v>
      </c>
      <c r="K478" s="13" t="s">
        <v>446</v>
      </c>
      <c r="L478" s="13" t="s">
        <v>1004</v>
      </c>
      <c r="M478" s="13" t="s">
        <v>1195</v>
      </c>
      <c r="N478" s="6" t="s">
        <v>360</v>
      </c>
      <c r="O478" s="6" t="s">
        <v>1492</v>
      </c>
      <c r="P478" s="13">
        <v>800</v>
      </c>
      <c r="Q478" s="21">
        <v>1400</v>
      </c>
      <c r="R478" s="6" t="s">
        <v>83</v>
      </c>
      <c r="S478" s="6"/>
      <c r="T478" s="6" t="s">
        <v>30</v>
      </c>
      <c r="U478" s="6"/>
      <c r="V478" s="3" t="s">
        <v>36</v>
      </c>
      <c r="W478" s="33" t="s">
        <v>314</v>
      </c>
    </row>
    <row r="479" spans="1:23" s="11" customFormat="1" ht="31">
      <c r="A479" s="70">
        <v>438330019</v>
      </c>
      <c r="B479" s="67"/>
      <c r="C479" s="63" t="s">
        <v>1522</v>
      </c>
      <c r="D479" s="65" t="s">
        <v>124</v>
      </c>
      <c r="E479" s="67" t="s">
        <v>81</v>
      </c>
      <c r="F479" s="48" t="s">
        <v>1523</v>
      </c>
      <c r="G479" s="22" t="s">
        <v>1524</v>
      </c>
      <c r="H479" s="6"/>
      <c r="I479" s="6"/>
      <c r="J479" s="6" t="s">
        <v>1521</v>
      </c>
      <c r="K479" s="13" t="s">
        <v>30</v>
      </c>
      <c r="L479" s="13" t="s">
        <v>446</v>
      </c>
      <c r="M479" s="13" t="s">
        <v>1525</v>
      </c>
      <c r="N479" s="6" t="s">
        <v>360</v>
      </c>
      <c r="O479" s="6" t="s">
        <v>1492</v>
      </c>
      <c r="P479" s="13">
        <v>280</v>
      </c>
      <c r="Q479" s="6">
        <v>350</v>
      </c>
      <c r="R479" s="6" t="s">
        <v>83</v>
      </c>
      <c r="S479" s="6"/>
      <c r="T479" s="6"/>
      <c r="U479" s="44">
        <v>0.5</v>
      </c>
      <c r="V479" s="3" t="s">
        <v>36</v>
      </c>
      <c r="W479" s="33" t="s">
        <v>84</v>
      </c>
    </row>
    <row r="480" spans="1:23" s="11" customFormat="1" ht="409.5">
      <c r="A480" s="70">
        <v>440310010</v>
      </c>
      <c r="B480" s="67"/>
      <c r="C480" s="63" t="s">
        <v>1526</v>
      </c>
      <c r="D480" s="65" t="s">
        <v>125</v>
      </c>
      <c r="E480" s="67" t="s">
        <v>143</v>
      </c>
      <c r="F480" s="48" t="s">
        <v>1527</v>
      </c>
      <c r="G480" s="22" t="s">
        <v>1528</v>
      </c>
      <c r="H480" s="6"/>
      <c r="I480" s="6"/>
      <c r="J480" s="6" t="s">
        <v>99</v>
      </c>
      <c r="K480" s="13" t="s">
        <v>1107</v>
      </c>
      <c r="L480" s="13" t="s">
        <v>946</v>
      </c>
      <c r="M480" s="13" t="s">
        <v>1529</v>
      </c>
      <c r="N480" s="6" t="s">
        <v>360</v>
      </c>
      <c r="O480" s="6" t="s">
        <v>1492</v>
      </c>
      <c r="P480" s="13">
        <v>200</v>
      </c>
      <c r="Q480" s="6">
        <v>590</v>
      </c>
      <c r="R480" s="6"/>
      <c r="S480" s="6" t="s">
        <v>24</v>
      </c>
      <c r="T480" s="6"/>
      <c r="U480" s="6"/>
      <c r="V480" s="3" t="s">
        <v>36</v>
      </c>
      <c r="W480" s="33" t="s">
        <v>1530</v>
      </c>
    </row>
    <row r="481" spans="1:23" s="11" customFormat="1" ht="31">
      <c r="A481" s="70">
        <v>440330011</v>
      </c>
      <c r="B481" s="67"/>
      <c r="C481" s="63" t="s">
        <v>1531</v>
      </c>
      <c r="D481" s="65" t="s">
        <v>124</v>
      </c>
      <c r="E481" s="67" t="s">
        <v>81</v>
      </c>
      <c r="F481" s="48" t="s">
        <v>1532</v>
      </c>
      <c r="G481" s="22" t="s">
        <v>1533</v>
      </c>
      <c r="H481" s="6"/>
      <c r="I481" s="6"/>
      <c r="J481" s="6" t="s">
        <v>99</v>
      </c>
      <c r="K481" s="13" t="s">
        <v>946</v>
      </c>
      <c r="L481" s="13" t="s">
        <v>1534</v>
      </c>
      <c r="M481" s="13" t="s">
        <v>446</v>
      </c>
      <c r="N481" s="6" t="s">
        <v>360</v>
      </c>
      <c r="O481" s="6" t="s">
        <v>1492</v>
      </c>
      <c r="P481" s="13">
        <v>95</v>
      </c>
      <c r="Q481" s="6">
        <v>120</v>
      </c>
      <c r="R481" s="6"/>
      <c r="S481" s="6"/>
      <c r="T481" s="6" t="s">
        <v>30</v>
      </c>
      <c r="U481" s="6"/>
      <c r="V481" s="3" t="s">
        <v>36</v>
      </c>
      <c r="W481" s="33" t="s">
        <v>451</v>
      </c>
    </row>
    <row r="482" spans="1:23" s="11" customFormat="1" ht="31">
      <c r="A482" s="70">
        <v>440330013</v>
      </c>
      <c r="B482" s="67"/>
      <c r="C482" s="63" t="s">
        <v>1535</v>
      </c>
      <c r="D482" s="65" t="s">
        <v>124</v>
      </c>
      <c r="E482" s="67" t="s">
        <v>81</v>
      </c>
      <c r="F482" s="48" t="s">
        <v>1536</v>
      </c>
      <c r="G482" s="22" t="s">
        <v>1537</v>
      </c>
      <c r="H482" s="6"/>
      <c r="I482" s="6"/>
      <c r="J482" s="6" t="s">
        <v>99</v>
      </c>
      <c r="K482" s="13" t="s">
        <v>946</v>
      </c>
      <c r="L482" s="13" t="s">
        <v>1534</v>
      </c>
      <c r="M482" s="13" t="s">
        <v>446</v>
      </c>
      <c r="N482" s="6" t="s">
        <v>360</v>
      </c>
      <c r="O482" s="6" t="s">
        <v>1492</v>
      </c>
      <c r="P482" s="13">
        <v>100</v>
      </c>
      <c r="Q482" s="6">
        <v>150</v>
      </c>
      <c r="R482" s="6"/>
      <c r="S482" s="6"/>
      <c r="T482" s="6" t="s">
        <v>30</v>
      </c>
      <c r="U482" s="6"/>
      <c r="V482" s="3" t="s">
        <v>36</v>
      </c>
      <c r="W482" s="33" t="s">
        <v>451</v>
      </c>
    </row>
    <row r="483" spans="1:23" s="11" customFormat="1" ht="31">
      <c r="A483" s="70">
        <v>446330108</v>
      </c>
      <c r="B483" s="67"/>
      <c r="C483" s="63" t="s">
        <v>1538</v>
      </c>
      <c r="D483" s="65" t="s">
        <v>124</v>
      </c>
      <c r="E483" s="67" t="s">
        <v>81</v>
      </c>
      <c r="F483" s="48" t="s">
        <v>1539</v>
      </c>
      <c r="G483" s="22" t="s">
        <v>1540</v>
      </c>
      <c r="H483" s="6"/>
      <c r="I483" s="6"/>
      <c r="J483" s="6" t="s">
        <v>1541</v>
      </c>
      <c r="K483" s="13" t="s">
        <v>1542</v>
      </c>
      <c r="L483" s="13" t="s">
        <v>1542</v>
      </c>
      <c r="M483" s="13" t="s">
        <v>1543</v>
      </c>
      <c r="N483" s="6" t="s">
        <v>360</v>
      </c>
      <c r="O483" s="6" t="s">
        <v>1492</v>
      </c>
      <c r="P483" s="13">
        <v>19</v>
      </c>
      <c r="Q483" s="6">
        <v>30</v>
      </c>
      <c r="R483" s="6"/>
      <c r="S483" s="6"/>
      <c r="T483" s="6" t="s">
        <v>30</v>
      </c>
      <c r="U483" s="6"/>
      <c r="V483" s="3" t="s">
        <v>36</v>
      </c>
      <c r="W483" s="33" t="s">
        <v>1108</v>
      </c>
    </row>
    <row r="484" spans="1:23" s="11" customFormat="1" ht="31">
      <c r="A484" s="70">
        <v>440330040</v>
      </c>
      <c r="B484" s="67"/>
      <c r="C484" s="63" t="s">
        <v>1544</v>
      </c>
      <c r="D484" s="65" t="s">
        <v>124</v>
      </c>
      <c r="E484" s="67" t="s">
        <v>81</v>
      </c>
      <c r="F484" s="48" t="s">
        <v>1536</v>
      </c>
      <c r="G484" s="22" t="s">
        <v>1537</v>
      </c>
      <c r="H484" s="6"/>
      <c r="I484" s="6"/>
      <c r="J484" s="6" t="s">
        <v>99</v>
      </c>
      <c r="K484" s="13" t="s">
        <v>946</v>
      </c>
      <c r="L484" s="13" t="s">
        <v>1534</v>
      </c>
      <c r="M484" s="13" t="s">
        <v>446</v>
      </c>
      <c r="N484" s="6" t="s">
        <v>360</v>
      </c>
      <c r="O484" s="6" t="s">
        <v>1492</v>
      </c>
      <c r="P484" s="13">
        <v>100</v>
      </c>
      <c r="Q484" s="6">
        <v>150</v>
      </c>
      <c r="R484" s="6"/>
      <c r="S484" s="6"/>
      <c r="T484" s="6" t="s">
        <v>30</v>
      </c>
      <c r="U484" s="6"/>
      <c r="V484" s="3" t="s">
        <v>36</v>
      </c>
      <c r="W484" s="33" t="s">
        <v>1545</v>
      </c>
    </row>
    <row r="485" spans="1:23" s="11" customFormat="1" ht="108.5">
      <c r="A485" s="70">
        <v>436310003</v>
      </c>
      <c r="B485" s="67"/>
      <c r="C485" s="63" t="s">
        <v>1546</v>
      </c>
      <c r="D485" s="65" t="s">
        <v>125</v>
      </c>
      <c r="E485" s="67" t="s">
        <v>1403</v>
      </c>
      <c r="F485" s="48" t="s">
        <v>1547</v>
      </c>
      <c r="G485" s="12" t="s">
        <v>1393</v>
      </c>
      <c r="H485" s="6"/>
      <c r="I485" s="6"/>
      <c r="J485" s="6" t="s">
        <v>99</v>
      </c>
      <c r="K485" s="13"/>
      <c r="L485" s="13"/>
      <c r="M485" s="13"/>
      <c r="N485" s="6" t="s">
        <v>360</v>
      </c>
      <c r="O485" s="6" t="s">
        <v>1492</v>
      </c>
      <c r="P485" s="13">
        <v>70</v>
      </c>
      <c r="Q485" s="6">
        <v>80</v>
      </c>
      <c r="R485" s="6" t="s">
        <v>83</v>
      </c>
      <c r="S485" s="6"/>
      <c r="T485" s="6" t="s">
        <v>30</v>
      </c>
      <c r="U485" s="6"/>
      <c r="V485" s="3" t="s">
        <v>36</v>
      </c>
      <c r="W485" s="33" t="s">
        <v>1548</v>
      </c>
    </row>
    <row r="486" spans="1:23" s="11" customFormat="1" ht="93">
      <c r="A486" s="70">
        <v>330110015</v>
      </c>
      <c r="B486" s="67"/>
      <c r="C486" s="63" t="s">
        <v>1549</v>
      </c>
      <c r="D486" s="65" t="s">
        <v>125</v>
      </c>
      <c r="E486" s="67" t="s">
        <v>1403</v>
      </c>
      <c r="F486" s="48" t="s">
        <v>1550</v>
      </c>
      <c r="G486" s="12" t="s">
        <v>1393</v>
      </c>
      <c r="H486" s="6"/>
      <c r="I486" s="6"/>
      <c r="J486" s="6" t="s">
        <v>99</v>
      </c>
      <c r="K486" s="13" t="s">
        <v>1551</v>
      </c>
      <c r="L486" s="13"/>
      <c r="M486" s="13"/>
      <c r="N486" s="6" t="s">
        <v>360</v>
      </c>
      <c r="O486" s="6" t="s">
        <v>1492</v>
      </c>
      <c r="P486" s="13">
        <v>55</v>
      </c>
      <c r="Q486" s="6">
        <v>70</v>
      </c>
      <c r="R486" s="6" t="s">
        <v>83</v>
      </c>
      <c r="S486" s="6"/>
      <c r="T486" s="6" t="s">
        <v>30</v>
      </c>
      <c r="U486" s="6"/>
      <c r="V486" s="3" t="s">
        <v>36</v>
      </c>
      <c r="W486" s="6" t="s">
        <v>1552</v>
      </c>
    </row>
    <row r="487" spans="1:23" s="11" customFormat="1" ht="31">
      <c r="A487" s="70">
        <v>330330019</v>
      </c>
      <c r="B487" s="67"/>
      <c r="C487" s="63" t="s">
        <v>1553</v>
      </c>
      <c r="D487" s="65" t="s">
        <v>124</v>
      </c>
      <c r="E487" s="67" t="s">
        <v>27</v>
      </c>
      <c r="F487" s="48" t="s">
        <v>1554</v>
      </c>
      <c r="G487" s="22" t="s">
        <v>1555</v>
      </c>
      <c r="H487" s="6"/>
      <c r="I487" s="6"/>
      <c r="J487" s="6" t="s">
        <v>45</v>
      </c>
      <c r="K487" s="13" t="s">
        <v>30</v>
      </c>
      <c r="L487" s="13" t="s">
        <v>1134</v>
      </c>
      <c r="M487" s="13" t="s">
        <v>1000</v>
      </c>
      <c r="N487" s="6" t="s">
        <v>360</v>
      </c>
      <c r="O487" s="6" t="s">
        <v>1492</v>
      </c>
      <c r="P487" s="13">
        <v>95</v>
      </c>
      <c r="Q487" s="6">
        <v>189</v>
      </c>
      <c r="R487" s="6" t="s">
        <v>35</v>
      </c>
      <c r="S487" s="6"/>
      <c r="T487" s="6" t="s">
        <v>30</v>
      </c>
      <c r="U487" s="6"/>
      <c r="V487" s="3" t="s">
        <v>36</v>
      </c>
      <c r="W487" s="33" t="s">
        <v>37</v>
      </c>
    </row>
    <row r="488" spans="1:23" s="11" customFormat="1" ht="31">
      <c r="A488" s="70">
        <v>438330036</v>
      </c>
      <c r="B488" s="67" t="s">
        <v>310</v>
      </c>
      <c r="C488" s="63" t="s">
        <v>1556</v>
      </c>
      <c r="D488" s="65" t="s">
        <v>124</v>
      </c>
      <c r="E488" s="67" t="s">
        <v>266</v>
      </c>
      <c r="F488" s="48" t="s">
        <v>1557</v>
      </c>
      <c r="G488" s="22" t="s">
        <v>1558</v>
      </c>
      <c r="H488" s="6"/>
      <c r="I488" s="6"/>
      <c r="J488" s="6" t="s">
        <v>1559</v>
      </c>
      <c r="K488" s="13" t="s">
        <v>446</v>
      </c>
      <c r="L488" s="13" t="s">
        <v>1004</v>
      </c>
      <c r="M488" s="13" t="s">
        <v>1195</v>
      </c>
      <c r="N488" s="6" t="s">
        <v>360</v>
      </c>
      <c r="O488" s="6" t="s">
        <v>1492</v>
      </c>
      <c r="P488" s="13">
        <v>800</v>
      </c>
      <c r="Q488" s="21">
        <v>1800</v>
      </c>
      <c r="R488" s="6" t="s">
        <v>83</v>
      </c>
      <c r="S488" s="6"/>
      <c r="T488" s="6" t="s">
        <v>30</v>
      </c>
      <c r="U488" s="6"/>
      <c r="V488" s="3" t="s">
        <v>36</v>
      </c>
      <c r="W488" s="33" t="s">
        <v>314</v>
      </c>
    </row>
    <row r="489" spans="1:23" s="11" customFormat="1" ht="31">
      <c r="A489" s="70">
        <v>337340098</v>
      </c>
      <c r="B489" s="67"/>
      <c r="C489" s="63" t="s">
        <v>1560</v>
      </c>
      <c r="D489" s="65" t="s">
        <v>124</v>
      </c>
      <c r="E489" s="67" t="s">
        <v>27</v>
      </c>
      <c r="F489" s="48" t="s">
        <v>1561</v>
      </c>
      <c r="G489" s="22" t="s">
        <v>1562</v>
      </c>
      <c r="H489" s="6"/>
      <c r="I489" s="6" t="s">
        <v>145</v>
      </c>
      <c r="J489" s="6"/>
      <c r="K489" s="13" t="s">
        <v>1127</v>
      </c>
      <c r="L489" s="13" t="s">
        <v>200</v>
      </c>
      <c r="M489" s="13" t="s">
        <v>1529</v>
      </c>
      <c r="N489" s="6" t="s">
        <v>360</v>
      </c>
      <c r="O489" s="6" t="s">
        <v>1492</v>
      </c>
      <c r="P489" s="13">
        <v>15</v>
      </c>
      <c r="Q489" s="6">
        <v>25</v>
      </c>
      <c r="R489" s="6" t="s">
        <v>83</v>
      </c>
      <c r="S489" s="6"/>
      <c r="T489" s="6"/>
      <c r="U489" s="44">
        <v>0.5</v>
      </c>
      <c r="V489" s="3" t="s">
        <v>36</v>
      </c>
      <c r="W489" s="33" t="s">
        <v>1563</v>
      </c>
    </row>
    <row r="490" spans="1:23" s="11" customFormat="1" ht="31">
      <c r="A490" s="70">
        <v>337330101</v>
      </c>
      <c r="B490" s="67"/>
      <c r="C490" s="63" t="s">
        <v>1564</v>
      </c>
      <c r="D490" s="65" t="s">
        <v>124</v>
      </c>
      <c r="E490" s="67" t="s">
        <v>81</v>
      </c>
      <c r="F490" s="48" t="s">
        <v>1565</v>
      </c>
      <c r="G490" s="22" t="s">
        <v>1566</v>
      </c>
      <c r="H490" s="6"/>
      <c r="I490" s="6"/>
      <c r="J490" s="6" t="s">
        <v>58</v>
      </c>
      <c r="K490" s="6" t="s">
        <v>446</v>
      </c>
      <c r="L490" s="13"/>
      <c r="M490" s="13"/>
      <c r="N490" s="6" t="s">
        <v>360</v>
      </c>
      <c r="O490" s="6" t="s">
        <v>1492</v>
      </c>
      <c r="P490" s="13">
        <v>200</v>
      </c>
      <c r="Q490" s="6">
        <v>350</v>
      </c>
      <c r="R490" s="6" t="s">
        <v>35</v>
      </c>
      <c r="S490" s="6"/>
      <c r="T490" s="6" t="s">
        <v>30</v>
      </c>
      <c r="U490" s="6"/>
      <c r="V490" s="3" t="s">
        <v>36</v>
      </c>
      <c r="W490" s="33" t="s">
        <v>375</v>
      </c>
    </row>
    <row r="491" spans="1:23" s="11" customFormat="1" ht="31">
      <c r="A491" s="70">
        <v>337330116</v>
      </c>
      <c r="B491" s="67"/>
      <c r="C491" s="63" t="s">
        <v>1567</v>
      </c>
      <c r="D491" s="65" t="s">
        <v>124</v>
      </c>
      <c r="E491" s="67" t="s">
        <v>668</v>
      </c>
      <c r="F491" s="48" t="s">
        <v>1568</v>
      </c>
      <c r="G491" s="22" t="s">
        <v>1312</v>
      </c>
      <c r="H491" s="6"/>
      <c r="I491" s="6"/>
      <c r="J491" s="6" t="s">
        <v>956</v>
      </c>
      <c r="K491" s="13" t="s">
        <v>947</v>
      </c>
      <c r="L491" s="13" t="s">
        <v>578</v>
      </c>
      <c r="M491" s="13" t="s">
        <v>957</v>
      </c>
      <c r="N491" s="6" t="s">
        <v>360</v>
      </c>
      <c r="O491" s="6" t="s">
        <v>1492</v>
      </c>
      <c r="P491" s="13">
        <v>45</v>
      </c>
      <c r="Q491" s="6">
        <v>80</v>
      </c>
      <c r="R491" s="6" t="s">
        <v>35</v>
      </c>
      <c r="S491" s="6"/>
      <c r="T491" s="6" t="s">
        <v>30</v>
      </c>
      <c r="U491" s="6"/>
      <c r="V491" s="3" t="s">
        <v>36</v>
      </c>
      <c r="W491" s="33" t="s">
        <v>375</v>
      </c>
    </row>
    <row r="492" spans="1:23" s="11" customFormat="1" ht="31">
      <c r="A492" s="70">
        <v>334330014</v>
      </c>
      <c r="B492" s="67"/>
      <c r="C492" s="63" t="s">
        <v>1569</v>
      </c>
      <c r="D492" s="65" t="s">
        <v>124</v>
      </c>
      <c r="E492" s="67" t="s">
        <v>27</v>
      </c>
      <c r="F492" s="48" t="s">
        <v>1570</v>
      </c>
      <c r="G492" s="22" t="s">
        <v>1571</v>
      </c>
      <c r="H492" s="6"/>
      <c r="I492" s="6"/>
      <c r="J492" s="6" t="s">
        <v>58</v>
      </c>
      <c r="K492" s="13" t="s">
        <v>1572</v>
      </c>
      <c r="L492" s="13" t="s">
        <v>1134</v>
      </c>
      <c r="M492" s="13" t="s">
        <v>50</v>
      </c>
      <c r="N492" s="6" t="s">
        <v>360</v>
      </c>
      <c r="O492" s="6" t="s">
        <v>1492</v>
      </c>
      <c r="P492" s="13">
        <v>100</v>
      </c>
      <c r="Q492" s="6">
        <v>160</v>
      </c>
      <c r="R492" s="6" t="s">
        <v>35</v>
      </c>
      <c r="S492" s="6"/>
      <c r="T492" s="6"/>
      <c r="U492" s="44">
        <v>0.3</v>
      </c>
      <c r="V492" s="3" t="s">
        <v>36</v>
      </c>
      <c r="W492" s="33" t="s">
        <v>1573</v>
      </c>
    </row>
    <row r="493" spans="1:23" s="11" customFormat="1" ht="31">
      <c r="A493" s="70">
        <v>552340015</v>
      </c>
      <c r="B493" s="67"/>
      <c r="C493" s="63" t="s">
        <v>1574</v>
      </c>
      <c r="D493" s="65" t="s">
        <v>234</v>
      </c>
      <c r="E493" s="67" t="s">
        <v>726</v>
      </c>
      <c r="F493" s="48" t="s">
        <v>1575</v>
      </c>
      <c r="G493" s="22" t="s">
        <v>1576</v>
      </c>
      <c r="H493" s="6"/>
      <c r="I493" s="6"/>
      <c r="J493" s="6" t="s">
        <v>1577</v>
      </c>
      <c r="K493" s="13" t="s">
        <v>947</v>
      </c>
      <c r="L493" s="13" t="s">
        <v>957</v>
      </c>
      <c r="M493" s="13" t="s">
        <v>446</v>
      </c>
      <c r="N493" s="6" t="s">
        <v>360</v>
      </c>
      <c r="O493" s="6" t="s">
        <v>1492</v>
      </c>
      <c r="P493" s="13">
        <v>150</v>
      </c>
      <c r="Q493" s="6">
        <v>200</v>
      </c>
      <c r="R493" s="13" t="s">
        <v>1578</v>
      </c>
      <c r="S493" s="6"/>
      <c r="T493" s="6"/>
      <c r="U493" s="44">
        <v>0.3</v>
      </c>
      <c r="V493" s="3" t="s">
        <v>36</v>
      </c>
      <c r="W493" s="6" t="s">
        <v>1579</v>
      </c>
    </row>
    <row r="494" spans="1:23" s="11" customFormat="1" ht="31">
      <c r="A494" s="70">
        <v>552320018</v>
      </c>
      <c r="B494" s="67"/>
      <c r="C494" s="63" t="s">
        <v>1580</v>
      </c>
      <c r="D494" s="65" t="s">
        <v>234</v>
      </c>
      <c r="E494" s="67" t="s">
        <v>726</v>
      </c>
      <c r="F494" s="48" t="s">
        <v>1581</v>
      </c>
      <c r="G494" s="22" t="s">
        <v>1582</v>
      </c>
      <c r="H494" s="6"/>
      <c r="I494" s="6" t="s">
        <v>1009</v>
      </c>
      <c r="J494" s="6"/>
      <c r="K494" s="13" t="s">
        <v>947</v>
      </c>
      <c r="L494" s="13" t="s">
        <v>957</v>
      </c>
      <c r="M494" s="13"/>
      <c r="N494" s="6" t="s">
        <v>360</v>
      </c>
      <c r="O494" s="6" t="s">
        <v>1492</v>
      </c>
      <c r="P494" s="13">
        <v>100</v>
      </c>
      <c r="Q494" s="6">
        <v>120</v>
      </c>
      <c r="R494" s="6" t="s">
        <v>83</v>
      </c>
      <c r="S494" s="6"/>
      <c r="T494" s="6"/>
      <c r="U494" s="44">
        <v>0.5</v>
      </c>
      <c r="V494" s="3" t="s">
        <v>36</v>
      </c>
      <c r="W494" s="33" t="s">
        <v>1583</v>
      </c>
    </row>
    <row r="495" spans="1:23" s="11" customFormat="1" ht="31">
      <c r="A495" s="70">
        <v>552340019</v>
      </c>
      <c r="B495" s="67"/>
      <c r="C495" s="63" t="s">
        <v>1584</v>
      </c>
      <c r="D495" s="65" t="s">
        <v>234</v>
      </c>
      <c r="E495" s="67" t="s">
        <v>726</v>
      </c>
      <c r="F495" s="48" t="s">
        <v>1585</v>
      </c>
      <c r="G495" s="22" t="s">
        <v>1586</v>
      </c>
      <c r="H495" s="6"/>
      <c r="I495" s="6"/>
      <c r="J495" s="6" t="s">
        <v>956</v>
      </c>
      <c r="K495" s="13" t="s">
        <v>1052</v>
      </c>
      <c r="L495" s="13" t="s">
        <v>1052</v>
      </c>
      <c r="M495" s="13" t="s">
        <v>1052</v>
      </c>
      <c r="N495" s="6" t="s">
        <v>360</v>
      </c>
      <c r="O495" s="6" t="s">
        <v>1492</v>
      </c>
      <c r="P495" s="13">
        <v>214</v>
      </c>
      <c r="Q495" s="6">
        <v>250</v>
      </c>
      <c r="R495" s="6" t="s">
        <v>83</v>
      </c>
      <c r="S495" s="6" t="s">
        <v>24</v>
      </c>
      <c r="T495" s="6"/>
      <c r="U495" s="6"/>
      <c r="V495" s="3" t="s">
        <v>36</v>
      </c>
      <c r="W495" s="6" t="s">
        <v>1587</v>
      </c>
    </row>
    <row r="496" spans="1:23" s="11" customFormat="1" ht="31">
      <c r="A496" s="70">
        <v>552340020</v>
      </c>
      <c r="B496" s="67"/>
      <c r="C496" s="63" t="s">
        <v>1588</v>
      </c>
      <c r="D496" s="65" t="s">
        <v>234</v>
      </c>
      <c r="E496" s="67" t="s">
        <v>726</v>
      </c>
      <c r="F496" s="48" t="s">
        <v>1589</v>
      </c>
      <c r="G496" s="22" t="s">
        <v>1590</v>
      </c>
      <c r="H496" s="6"/>
      <c r="I496" s="6"/>
      <c r="J496" s="6" t="s">
        <v>956</v>
      </c>
      <c r="K496" s="13" t="s">
        <v>1052</v>
      </c>
      <c r="L496" s="13" t="s">
        <v>1052</v>
      </c>
      <c r="M496" s="13" t="s">
        <v>1052</v>
      </c>
      <c r="N496" s="6" t="s">
        <v>360</v>
      </c>
      <c r="O496" s="6" t="s">
        <v>1492</v>
      </c>
      <c r="P496" s="13">
        <v>94</v>
      </c>
      <c r="Q496" s="6">
        <v>110</v>
      </c>
      <c r="R496" s="6" t="s">
        <v>83</v>
      </c>
      <c r="S496" s="6" t="s">
        <v>24</v>
      </c>
      <c r="T496" s="6"/>
      <c r="U496" s="6"/>
      <c r="V496" s="3" t="s">
        <v>36</v>
      </c>
      <c r="W496" s="6" t="s">
        <v>1587</v>
      </c>
    </row>
    <row r="497" spans="1:23" s="11" customFormat="1" ht="31">
      <c r="A497" s="70">
        <v>552340023</v>
      </c>
      <c r="B497" s="67"/>
      <c r="C497" s="63" t="s">
        <v>1591</v>
      </c>
      <c r="D497" s="65" t="s">
        <v>234</v>
      </c>
      <c r="E497" s="67" t="s">
        <v>726</v>
      </c>
      <c r="F497" s="48" t="s">
        <v>1592</v>
      </c>
      <c r="G497" s="22" t="s">
        <v>1593</v>
      </c>
      <c r="H497" s="6"/>
      <c r="I497" s="6"/>
      <c r="J497" s="6" t="s">
        <v>956</v>
      </c>
      <c r="K497" s="13" t="s">
        <v>947</v>
      </c>
      <c r="L497" s="13" t="s">
        <v>578</v>
      </c>
      <c r="M497" s="13" t="s">
        <v>957</v>
      </c>
      <c r="N497" s="6" t="s">
        <v>360</v>
      </c>
      <c r="O497" s="6" t="s">
        <v>1492</v>
      </c>
      <c r="P497" s="13">
        <v>45</v>
      </c>
      <c r="Q497" s="6">
        <v>80</v>
      </c>
      <c r="R497" s="6" t="s">
        <v>83</v>
      </c>
      <c r="S497" s="6"/>
      <c r="T497" s="6"/>
      <c r="U497" s="44">
        <v>0.4</v>
      </c>
      <c r="V497" s="3" t="s">
        <v>36</v>
      </c>
      <c r="W497" s="6" t="s">
        <v>1594</v>
      </c>
    </row>
    <row r="498" spans="1:23" s="11" customFormat="1" ht="15.5">
      <c r="A498" s="70">
        <v>555310034</v>
      </c>
      <c r="B498" s="67" t="s">
        <v>1595</v>
      </c>
      <c r="C498" s="63" t="s">
        <v>1596</v>
      </c>
      <c r="D498" s="65" t="s">
        <v>125</v>
      </c>
      <c r="E498" s="67" t="s">
        <v>75</v>
      </c>
      <c r="F498" s="48" t="s">
        <v>1597</v>
      </c>
      <c r="G498" s="12" t="s">
        <v>1598</v>
      </c>
      <c r="H498" s="6"/>
      <c r="I498" s="6"/>
      <c r="J498" s="6" t="s">
        <v>99</v>
      </c>
      <c r="K498" s="13" t="s">
        <v>947</v>
      </c>
      <c r="L498" s="13" t="s">
        <v>578</v>
      </c>
      <c r="M498" s="13" t="s">
        <v>446</v>
      </c>
      <c r="N498" s="6" t="s">
        <v>360</v>
      </c>
      <c r="O498" s="6" t="s">
        <v>1492</v>
      </c>
      <c r="P498" s="13">
        <v>35</v>
      </c>
      <c r="Q498" s="6">
        <v>50</v>
      </c>
      <c r="R498" s="6" t="s">
        <v>83</v>
      </c>
      <c r="S498" s="6" t="s">
        <v>24</v>
      </c>
      <c r="T498" s="6"/>
      <c r="U498" s="6"/>
      <c r="V498" s="3" t="s">
        <v>36</v>
      </c>
      <c r="W498" s="33" t="s">
        <v>1599</v>
      </c>
    </row>
    <row r="499" spans="1:23" s="11" customFormat="1" ht="15.5">
      <c r="A499" s="70">
        <v>555310035</v>
      </c>
      <c r="B499" s="67" t="s">
        <v>1595</v>
      </c>
      <c r="C499" s="63" t="s">
        <v>1600</v>
      </c>
      <c r="D499" s="65" t="s">
        <v>125</v>
      </c>
      <c r="E499" s="67" t="s">
        <v>75</v>
      </c>
      <c r="F499" s="48" t="s">
        <v>1601</v>
      </c>
      <c r="G499" s="12" t="s">
        <v>1598</v>
      </c>
      <c r="H499" s="6"/>
      <c r="I499" s="6"/>
      <c r="J499" s="6" t="s">
        <v>99</v>
      </c>
      <c r="K499" s="13" t="s">
        <v>947</v>
      </c>
      <c r="L499" s="13" t="s">
        <v>578</v>
      </c>
      <c r="M499" s="13" t="s">
        <v>446</v>
      </c>
      <c r="N499" s="6" t="s">
        <v>360</v>
      </c>
      <c r="O499" s="6" t="s">
        <v>1492</v>
      </c>
      <c r="P499" s="13">
        <v>35</v>
      </c>
      <c r="Q499" s="6">
        <v>50</v>
      </c>
      <c r="R499" s="6" t="s">
        <v>83</v>
      </c>
      <c r="S499" s="6" t="s">
        <v>24</v>
      </c>
      <c r="T499" s="6"/>
      <c r="U499" s="6"/>
      <c r="V499" s="3" t="s">
        <v>36</v>
      </c>
      <c r="W499" s="33" t="s">
        <v>1599</v>
      </c>
    </row>
    <row r="500" spans="1:23" s="11" customFormat="1" ht="31">
      <c r="A500" s="70">
        <v>774340020</v>
      </c>
      <c r="B500" s="67"/>
      <c r="C500" s="63" t="s">
        <v>1602</v>
      </c>
      <c r="D500" s="65" t="s">
        <v>126</v>
      </c>
      <c r="E500" s="67" t="s">
        <v>27</v>
      </c>
      <c r="F500" s="48" t="s">
        <v>1603</v>
      </c>
      <c r="G500" s="22" t="s">
        <v>1604</v>
      </c>
      <c r="H500" s="6"/>
      <c r="I500" s="6"/>
      <c r="J500" s="6" t="s">
        <v>45</v>
      </c>
      <c r="K500" s="13" t="s">
        <v>30</v>
      </c>
      <c r="L500" s="13" t="s">
        <v>50</v>
      </c>
      <c r="M500" s="13" t="s">
        <v>1000</v>
      </c>
      <c r="N500" s="6" t="s">
        <v>360</v>
      </c>
      <c r="O500" s="6" t="s">
        <v>1492</v>
      </c>
      <c r="P500" s="13">
        <v>130</v>
      </c>
      <c r="Q500" s="6">
        <v>155</v>
      </c>
      <c r="R500" s="6" t="s">
        <v>83</v>
      </c>
      <c r="S500" s="6"/>
      <c r="T500" s="6"/>
      <c r="U500" s="44">
        <v>0.5</v>
      </c>
      <c r="V500" s="3" t="s">
        <v>36</v>
      </c>
      <c r="W500" s="45" t="s">
        <v>1761</v>
      </c>
    </row>
    <row r="501" spans="1:23" s="11" customFormat="1" ht="31">
      <c r="A501" s="70">
        <v>894340050</v>
      </c>
      <c r="B501" s="67"/>
      <c r="C501" s="63" t="s">
        <v>1605</v>
      </c>
      <c r="D501" s="65" t="s">
        <v>126</v>
      </c>
      <c r="E501" s="67" t="s">
        <v>86</v>
      </c>
      <c r="F501" s="48" t="s">
        <v>1606</v>
      </c>
      <c r="G501" s="22" t="s">
        <v>1607</v>
      </c>
      <c r="H501" s="6"/>
      <c r="I501" s="6"/>
      <c r="J501" s="6" t="s">
        <v>58</v>
      </c>
      <c r="K501" s="13" t="s">
        <v>50</v>
      </c>
      <c r="L501" s="13" t="s">
        <v>1000</v>
      </c>
      <c r="M501" s="13"/>
      <c r="N501" s="6" t="s">
        <v>360</v>
      </c>
      <c r="O501" s="6" t="s">
        <v>1492</v>
      </c>
      <c r="P501" s="13">
        <v>100</v>
      </c>
      <c r="Q501" s="6">
        <v>150</v>
      </c>
      <c r="R501" s="6"/>
      <c r="S501" s="6"/>
      <c r="T501" s="6" t="s">
        <v>30</v>
      </c>
      <c r="U501" s="6"/>
      <c r="V501" s="3" t="s">
        <v>36</v>
      </c>
      <c r="W501" s="33" t="s">
        <v>718</v>
      </c>
    </row>
    <row r="502" spans="1:23" s="11" customFormat="1" ht="31">
      <c r="A502" s="70">
        <v>890340004</v>
      </c>
      <c r="B502" s="67"/>
      <c r="C502" s="63" t="s">
        <v>1608</v>
      </c>
      <c r="D502" s="65" t="s">
        <v>126</v>
      </c>
      <c r="E502" s="67" t="s">
        <v>726</v>
      </c>
      <c r="F502" s="48" t="s">
        <v>1609</v>
      </c>
      <c r="G502" s="22" t="s">
        <v>1610</v>
      </c>
      <c r="H502" s="6"/>
      <c r="I502" s="6"/>
      <c r="J502" s="6" t="s">
        <v>956</v>
      </c>
      <c r="K502" s="13" t="s">
        <v>1611</v>
      </c>
      <c r="L502" s="13"/>
      <c r="M502" s="13"/>
      <c r="N502" s="6" t="s">
        <v>360</v>
      </c>
      <c r="O502" s="6" t="s">
        <v>1492</v>
      </c>
      <c r="P502" s="13">
        <v>320</v>
      </c>
      <c r="Q502" s="6">
        <v>350</v>
      </c>
      <c r="R502" s="6" t="s">
        <v>83</v>
      </c>
      <c r="S502" s="6"/>
      <c r="T502" s="6"/>
      <c r="U502" s="44">
        <v>0.5</v>
      </c>
      <c r="V502" s="3" t="s">
        <v>36</v>
      </c>
      <c r="W502" s="33" t="s">
        <v>1612</v>
      </c>
    </row>
    <row r="503" spans="1:23" s="11" customFormat="1" ht="31">
      <c r="A503" s="70">
        <v>772340017</v>
      </c>
      <c r="B503" s="67"/>
      <c r="C503" s="63" t="s">
        <v>1336</v>
      </c>
      <c r="D503" s="65" t="s">
        <v>124</v>
      </c>
      <c r="E503" s="67" t="s">
        <v>266</v>
      </c>
      <c r="F503" s="48" t="s">
        <v>1613</v>
      </c>
      <c r="G503" s="22" t="s">
        <v>1614</v>
      </c>
      <c r="H503" s="6"/>
      <c r="I503" s="6"/>
      <c r="J503" s="6" t="s">
        <v>119</v>
      </c>
      <c r="K503" s="13" t="s">
        <v>1615</v>
      </c>
      <c r="L503" s="13" t="s">
        <v>1616</v>
      </c>
      <c r="M503" s="13"/>
      <c r="N503" s="6" t="s">
        <v>360</v>
      </c>
      <c r="O503" s="6" t="s">
        <v>1492</v>
      </c>
      <c r="P503" s="13">
        <v>350</v>
      </c>
      <c r="Q503" s="6">
        <v>450</v>
      </c>
      <c r="R503" s="6" t="s">
        <v>83</v>
      </c>
      <c r="S503" s="6"/>
      <c r="T503" s="6" t="s">
        <v>50</v>
      </c>
      <c r="U503" s="6"/>
      <c r="V503" s="3" t="s">
        <v>36</v>
      </c>
      <c r="W503" s="33" t="s">
        <v>1340</v>
      </c>
    </row>
    <row r="504" spans="1:23" s="11" customFormat="1" ht="31">
      <c r="A504" s="70">
        <v>439330041</v>
      </c>
      <c r="B504" s="80" t="s">
        <v>264</v>
      </c>
      <c r="C504" s="63" t="s">
        <v>1617</v>
      </c>
      <c r="D504" s="65" t="s">
        <v>124</v>
      </c>
      <c r="E504" s="67" t="s">
        <v>726</v>
      </c>
      <c r="F504" s="48" t="s">
        <v>1618</v>
      </c>
      <c r="G504" s="22" t="s">
        <v>1619</v>
      </c>
      <c r="H504" s="6"/>
      <c r="I504" s="6"/>
      <c r="J504" s="6" t="s">
        <v>119</v>
      </c>
      <c r="K504" s="13" t="s">
        <v>957</v>
      </c>
      <c r="L504" s="13" t="s">
        <v>1004</v>
      </c>
      <c r="M504" s="13"/>
      <c r="N504" s="6" t="s">
        <v>360</v>
      </c>
      <c r="O504" s="6" t="s">
        <v>1492</v>
      </c>
      <c r="P504" s="37">
        <v>1600</v>
      </c>
      <c r="Q504" s="21">
        <v>2500</v>
      </c>
      <c r="R504" s="33" t="s">
        <v>35</v>
      </c>
      <c r="S504" s="6"/>
      <c r="T504" s="6" t="s">
        <v>30</v>
      </c>
      <c r="U504" s="6"/>
      <c r="V504" s="3" t="s">
        <v>36</v>
      </c>
      <c r="W504" s="33" t="s">
        <v>270</v>
      </c>
    </row>
    <row r="505" spans="1:23" s="11" customFormat="1" ht="62">
      <c r="A505" s="70">
        <v>446320083</v>
      </c>
      <c r="B505" s="80"/>
      <c r="C505" s="63" t="s">
        <v>1620</v>
      </c>
      <c r="D505" s="65" t="s">
        <v>125</v>
      </c>
      <c r="E505" s="67" t="s">
        <v>143</v>
      </c>
      <c r="F505" s="48" t="s">
        <v>1621</v>
      </c>
      <c r="G505" s="22" t="s">
        <v>1622</v>
      </c>
      <c r="H505" s="6"/>
      <c r="I505" s="6"/>
      <c r="J505" s="6" t="s">
        <v>99</v>
      </c>
      <c r="K505" s="13" t="s">
        <v>947</v>
      </c>
      <c r="L505" s="13" t="s">
        <v>578</v>
      </c>
      <c r="M505" s="13" t="s">
        <v>446</v>
      </c>
      <c r="N505" s="6" t="s">
        <v>360</v>
      </c>
      <c r="O505" s="6" t="s">
        <v>1492</v>
      </c>
      <c r="P505" s="13">
        <v>120</v>
      </c>
      <c r="Q505" s="6">
        <v>150</v>
      </c>
      <c r="R505" s="33" t="s">
        <v>35</v>
      </c>
      <c r="S505" s="6"/>
      <c r="T505" s="6" t="s">
        <v>30</v>
      </c>
      <c r="U505" s="6"/>
      <c r="V505" s="3" t="s">
        <v>36</v>
      </c>
      <c r="W505" s="33" t="s">
        <v>1623</v>
      </c>
    </row>
    <row r="506" spans="1:23" s="11" customFormat="1" ht="31">
      <c r="A506" s="70">
        <v>334330008</v>
      </c>
      <c r="B506" s="67"/>
      <c r="C506" s="63" t="s">
        <v>1624</v>
      </c>
      <c r="D506" s="65" t="s">
        <v>124</v>
      </c>
      <c r="E506" s="67" t="s">
        <v>81</v>
      </c>
      <c r="F506" s="48" t="s">
        <v>1625</v>
      </c>
      <c r="G506" s="22" t="s">
        <v>1626</v>
      </c>
      <c r="H506" s="6"/>
      <c r="I506" s="6"/>
      <c r="J506" s="6" t="s">
        <v>1216</v>
      </c>
      <c r="K506" s="13" t="s">
        <v>446</v>
      </c>
      <c r="L506" s="13" t="s">
        <v>1004</v>
      </c>
      <c r="M506" s="13" t="s">
        <v>1009</v>
      </c>
      <c r="N506" s="6" t="s">
        <v>360</v>
      </c>
      <c r="O506" s="6" t="s">
        <v>1492</v>
      </c>
      <c r="P506" s="13">
        <v>450</v>
      </c>
      <c r="Q506" s="6">
        <v>550</v>
      </c>
      <c r="R506" s="33" t="s">
        <v>35</v>
      </c>
      <c r="S506" s="6"/>
      <c r="T506" s="6"/>
      <c r="U506" s="44">
        <v>0.4</v>
      </c>
      <c r="V506" s="3" t="s">
        <v>36</v>
      </c>
      <c r="W506" s="33" t="s">
        <v>1627</v>
      </c>
    </row>
    <row r="507" spans="1:23" s="11" customFormat="1" ht="31">
      <c r="A507" s="70">
        <v>337330095</v>
      </c>
      <c r="B507" s="67"/>
      <c r="C507" s="63" t="s">
        <v>1628</v>
      </c>
      <c r="D507" s="65" t="s">
        <v>124</v>
      </c>
      <c r="E507" s="67" t="s">
        <v>27</v>
      </c>
      <c r="F507" s="48" t="s">
        <v>1629</v>
      </c>
      <c r="G507" s="22" t="s">
        <v>1630</v>
      </c>
      <c r="H507" s="6"/>
      <c r="I507" s="6"/>
      <c r="J507" s="6" t="s">
        <v>956</v>
      </c>
      <c r="K507" s="13" t="s">
        <v>947</v>
      </c>
      <c r="L507" s="13" t="s">
        <v>578</v>
      </c>
      <c r="M507" s="13" t="s">
        <v>957</v>
      </c>
      <c r="N507" s="6" t="s">
        <v>360</v>
      </c>
      <c r="O507" s="6" t="s">
        <v>1492</v>
      </c>
      <c r="P507" s="13">
        <v>100</v>
      </c>
      <c r="Q507" s="6">
        <v>150</v>
      </c>
      <c r="R507" s="6" t="s">
        <v>83</v>
      </c>
      <c r="S507" s="6"/>
      <c r="T507" s="6"/>
      <c r="U507" s="44">
        <v>0.5</v>
      </c>
      <c r="V507" s="3" t="s">
        <v>36</v>
      </c>
      <c r="W507" s="33" t="s">
        <v>1563</v>
      </c>
    </row>
    <row r="508" spans="1:23" s="11" customFormat="1" ht="31">
      <c r="A508" s="70">
        <v>337330097</v>
      </c>
      <c r="B508" s="67"/>
      <c r="C508" s="63" t="s">
        <v>1631</v>
      </c>
      <c r="D508" s="65" t="s">
        <v>124</v>
      </c>
      <c r="E508" s="67" t="s">
        <v>27</v>
      </c>
      <c r="F508" s="48" t="s">
        <v>1632</v>
      </c>
      <c r="G508" s="22" t="s">
        <v>1633</v>
      </c>
      <c r="H508" s="6"/>
      <c r="I508" s="6"/>
      <c r="J508" s="6" t="s">
        <v>956</v>
      </c>
      <c r="K508" s="13" t="s">
        <v>1127</v>
      </c>
      <c r="L508" s="13" t="s">
        <v>200</v>
      </c>
      <c r="M508" s="13" t="s">
        <v>947</v>
      </c>
      <c r="N508" s="6" t="s">
        <v>360</v>
      </c>
      <c r="O508" s="6" t="s">
        <v>1492</v>
      </c>
      <c r="P508" s="13">
        <v>30</v>
      </c>
      <c r="Q508" s="6">
        <v>79</v>
      </c>
      <c r="R508" s="6" t="s">
        <v>83</v>
      </c>
      <c r="S508" s="6"/>
      <c r="T508" s="6"/>
      <c r="U508" s="44">
        <v>0.5</v>
      </c>
      <c r="V508" s="3" t="s">
        <v>36</v>
      </c>
      <c r="W508" s="33" t="s">
        <v>1563</v>
      </c>
    </row>
    <row r="509" spans="1:23" s="11" customFormat="1" ht="31">
      <c r="A509" s="70">
        <v>337330080</v>
      </c>
      <c r="B509" s="67"/>
      <c r="C509" s="63" t="s">
        <v>1634</v>
      </c>
      <c r="D509" s="65" t="s">
        <v>124</v>
      </c>
      <c r="E509" s="67" t="s">
        <v>81</v>
      </c>
      <c r="F509" s="48" t="s">
        <v>1635</v>
      </c>
      <c r="G509" s="22" t="s">
        <v>1636</v>
      </c>
      <c r="H509" s="6"/>
      <c r="I509" s="6"/>
      <c r="J509" s="6" t="s">
        <v>1637</v>
      </c>
      <c r="K509" s="13" t="s">
        <v>446</v>
      </c>
      <c r="L509" s="13" t="s">
        <v>1004</v>
      </c>
      <c r="M509" s="13" t="s">
        <v>1009</v>
      </c>
      <c r="N509" s="6" t="s">
        <v>360</v>
      </c>
      <c r="O509" s="6" t="s">
        <v>1492</v>
      </c>
      <c r="P509" s="13">
        <v>95</v>
      </c>
      <c r="Q509" s="6">
        <v>150</v>
      </c>
      <c r="R509" s="6" t="s">
        <v>83</v>
      </c>
      <c r="S509" s="6"/>
      <c r="T509" s="6"/>
      <c r="U509" s="44">
        <v>0.5</v>
      </c>
      <c r="V509" s="3" t="s">
        <v>36</v>
      </c>
      <c r="W509" s="33" t="s">
        <v>1638</v>
      </c>
    </row>
    <row r="510" spans="1:23" s="11" customFormat="1" ht="31">
      <c r="A510" s="70">
        <v>345330041</v>
      </c>
      <c r="B510" s="67"/>
      <c r="C510" s="63" t="s">
        <v>1639</v>
      </c>
      <c r="D510" s="65" t="s">
        <v>124</v>
      </c>
      <c r="E510" s="67" t="s">
        <v>81</v>
      </c>
      <c r="F510" s="48" t="s">
        <v>1640</v>
      </c>
      <c r="G510" s="22" t="s">
        <v>1641</v>
      </c>
      <c r="H510" s="6"/>
      <c r="I510" s="6"/>
      <c r="J510" s="6" t="s">
        <v>1637</v>
      </c>
      <c r="K510" s="13" t="s">
        <v>547</v>
      </c>
      <c r="L510" s="13"/>
      <c r="M510" s="13"/>
      <c r="N510" s="6" t="s">
        <v>360</v>
      </c>
      <c r="O510" s="6" t="s">
        <v>1492</v>
      </c>
      <c r="P510" s="13">
        <v>180</v>
      </c>
      <c r="Q510" s="6"/>
      <c r="R510" s="6" t="s">
        <v>83</v>
      </c>
      <c r="S510" s="6"/>
      <c r="T510" s="6" t="s">
        <v>30</v>
      </c>
      <c r="U510" s="6"/>
      <c r="V510" s="3" t="s">
        <v>36</v>
      </c>
      <c r="W510" s="4" t="s">
        <v>170</v>
      </c>
    </row>
    <row r="511" spans="1:23" s="11" customFormat="1" ht="31">
      <c r="A511" s="70">
        <v>446340066</v>
      </c>
      <c r="B511" s="67"/>
      <c r="C511" s="63" t="s">
        <v>1642</v>
      </c>
      <c r="D511" s="65" t="s">
        <v>126</v>
      </c>
      <c r="E511" s="67" t="s">
        <v>27</v>
      </c>
      <c r="F511" s="48" t="s">
        <v>1643</v>
      </c>
      <c r="G511" s="22" t="s">
        <v>1644</v>
      </c>
      <c r="H511" s="6"/>
      <c r="I511" s="6"/>
      <c r="J511" s="6" t="s">
        <v>1637</v>
      </c>
      <c r="K511" s="13" t="s">
        <v>30</v>
      </c>
      <c r="L511" s="13" t="s">
        <v>1000</v>
      </c>
      <c r="M511" s="13"/>
      <c r="N511" s="6" t="s">
        <v>360</v>
      </c>
      <c r="O511" s="6" t="s">
        <v>1492</v>
      </c>
      <c r="P511" s="13">
        <v>95</v>
      </c>
      <c r="Q511" s="6">
        <v>140</v>
      </c>
      <c r="R511" s="33" t="s">
        <v>35</v>
      </c>
      <c r="S511" s="6"/>
      <c r="T511" s="6" t="s">
        <v>30</v>
      </c>
      <c r="U511" s="6"/>
      <c r="V511" s="3" t="s">
        <v>36</v>
      </c>
      <c r="W511" s="33" t="s">
        <v>1645</v>
      </c>
    </row>
    <row r="512" spans="1:23" s="11" customFormat="1" ht="31">
      <c r="A512" s="70">
        <v>335140014</v>
      </c>
      <c r="B512" s="67"/>
      <c r="C512" s="63" t="s">
        <v>1646</v>
      </c>
      <c r="D512" s="65" t="s">
        <v>126</v>
      </c>
      <c r="E512" s="67" t="s">
        <v>86</v>
      </c>
      <c r="F512" s="48" t="s">
        <v>1647</v>
      </c>
      <c r="G512" s="22" t="s">
        <v>1648</v>
      </c>
      <c r="H512" s="6"/>
      <c r="I512" s="6"/>
      <c r="J512" s="6" t="s">
        <v>1649</v>
      </c>
      <c r="K512" s="13" t="s">
        <v>446</v>
      </c>
      <c r="L512" s="13"/>
      <c r="M512" s="13"/>
      <c r="N512" s="6" t="s">
        <v>360</v>
      </c>
      <c r="O512" s="6" t="s">
        <v>1492</v>
      </c>
      <c r="P512" s="13">
        <v>95</v>
      </c>
      <c r="Q512" s="6">
        <v>150</v>
      </c>
      <c r="R512" s="6" t="s">
        <v>83</v>
      </c>
      <c r="S512" s="6"/>
      <c r="T512" s="6" t="s">
        <v>30</v>
      </c>
      <c r="U512" s="6"/>
      <c r="V512" s="3" t="s">
        <v>36</v>
      </c>
      <c r="W512" s="6" t="s">
        <v>1364</v>
      </c>
    </row>
    <row r="513" spans="1:23" s="11" customFormat="1" ht="124">
      <c r="A513" s="70">
        <v>448340002</v>
      </c>
      <c r="B513" s="67" t="s">
        <v>1650</v>
      </c>
      <c r="C513" s="63" t="s">
        <v>1651</v>
      </c>
      <c r="D513" s="65" t="s">
        <v>126</v>
      </c>
      <c r="E513" s="67" t="s">
        <v>27</v>
      </c>
      <c r="F513" s="48" t="s">
        <v>1652</v>
      </c>
      <c r="G513" s="22" t="s">
        <v>1653</v>
      </c>
      <c r="H513" s="6"/>
      <c r="I513" s="6"/>
      <c r="J513" s="6" t="s">
        <v>956</v>
      </c>
      <c r="K513" s="13" t="s">
        <v>1127</v>
      </c>
      <c r="L513" s="13" t="s">
        <v>200</v>
      </c>
      <c r="M513" s="13" t="s">
        <v>946</v>
      </c>
      <c r="N513" s="6" t="s">
        <v>360</v>
      </c>
      <c r="O513" s="6" t="s">
        <v>1492</v>
      </c>
      <c r="P513" s="13">
        <v>3</v>
      </c>
      <c r="Q513" s="6">
        <v>5</v>
      </c>
      <c r="R513" s="6" t="s">
        <v>83</v>
      </c>
      <c r="S513" s="6"/>
      <c r="T513" s="6"/>
      <c r="U513" s="33" t="s">
        <v>1654</v>
      </c>
      <c r="V513" s="3" t="s">
        <v>36</v>
      </c>
      <c r="W513" s="6" t="s">
        <v>1650</v>
      </c>
    </row>
    <row r="514" spans="1:23" s="11" customFormat="1" ht="155">
      <c r="A514" s="70">
        <v>895110004</v>
      </c>
      <c r="B514" s="67"/>
      <c r="C514" s="63" t="s">
        <v>1655</v>
      </c>
      <c r="D514" s="65" t="s">
        <v>125</v>
      </c>
      <c r="E514" s="67" t="s">
        <v>75</v>
      </c>
      <c r="F514" s="48" t="s">
        <v>1656</v>
      </c>
      <c r="G514" s="22" t="s">
        <v>1657</v>
      </c>
      <c r="H514" s="6"/>
      <c r="I514" s="6"/>
      <c r="J514" s="6" t="s">
        <v>99</v>
      </c>
      <c r="K514" s="13" t="s">
        <v>1658</v>
      </c>
      <c r="L514" s="13" t="s">
        <v>1658</v>
      </c>
      <c r="M514" s="13" t="s">
        <v>1658</v>
      </c>
      <c r="N514" s="6" t="s">
        <v>360</v>
      </c>
      <c r="O514" s="6" t="s">
        <v>1492</v>
      </c>
      <c r="P514" s="13">
        <v>80</v>
      </c>
      <c r="Q514" s="6">
        <v>90</v>
      </c>
      <c r="R514" s="6"/>
      <c r="S514" s="6" t="s">
        <v>24</v>
      </c>
      <c r="T514" s="6"/>
      <c r="U514" s="6"/>
      <c r="V514" s="3" t="s">
        <v>36</v>
      </c>
      <c r="W514" s="33" t="s">
        <v>1659</v>
      </c>
    </row>
    <row r="515" spans="1:23" s="11" customFormat="1" ht="31">
      <c r="A515" s="70">
        <v>335140026</v>
      </c>
      <c r="B515" s="67"/>
      <c r="C515" s="63" t="s">
        <v>1660</v>
      </c>
      <c r="D515" s="65" t="s">
        <v>126</v>
      </c>
      <c r="E515" s="67" t="s">
        <v>27</v>
      </c>
      <c r="F515" s="48" t="s">
        <v>1661</v>
      </c>
      <c r="G515" s="22" t="s">
        <v>1662</v>
      </c>
      <c r="H515" s="6"/>
      <c r="I515" s="6"/>
      <c r="J515" s="6" t="s">
        <v>119</v>
      </c>
      <c r="K515" s="13" t="s">
        <v>446</v>
      </c>
      <c r="L515" s="13"/>
      <c r="M515" s="13"/>
      <c r="N515" s="6" t="s">
        <v>360</v>
      </c>
      <c r="O515" s="6" t="s">
        <v>1492</v>
      </c>
      <c r="P515" s="13">
        <v>230</v>
      </c>
      <c r="Q515" s="6">
        <v>300</v>
      </c>
      <c r="R515" s="6" t="s">
        <v>83</v>
      </c>
      <c r="S515" s="6"/>
      <c r="T515" s="6" t="s">
        <v>30</v>
      </c>
      <c r="U515" s="6"/>
      <c r="V515" s="3" t="s">
        <v>36</v>
      </c>
      <c r="W515" s="6" t="s">
        <v>1364</v>
      </c>
    </row>
    <row r="516" spans="1:23" s="11" customFormat="1" ht="31">
      <c r="A516" s="70">
        <v>893230035</v>
      </c>
      <c r="B516" s="67"/>
      <c r="C516" s="63" t="s">
        <v>1663</v>
      </c>
      <c r="D516" s="65" t="s">
        <v>124</v>
      </c>
      <c r="E516" s="67" t="s">
        <v>27</v>
      </c>
      <c r="F516" s="48" t="s">
        <v>1664</v>
      </c>
      <c r="G516" s="22" t="s">
        <v>1665</v>
      </c>
      <c r="H516" s="6"/>
      <c r="I516" s="6"/>
      <c r="J516" s="6" t="s">
        <v>1666</v>
      </c>
      <c r="K516" s="13" t="s">
        <v>30</v>
      </c>
      <c r="L516" s="13" t="s">
        <v>1134</v>
      </c>
      <c r="M516" s="13" t="s">
        <v>446</v>
      </c>
      <c r="N516" s="6" t="s">
        <v>360</v>
      </c>
      <c r="O516" s="6" t="s">
        <v>1492</v>
      </c>
      <c r="P516" s="13">
        <v>220</v>
      </c>
      <c r="Q516" s="6">
        <v>350</v>
      </c>
      <c r="R516" s="6" t="s">
        <v>83</v>
      </c>
      <c r="S516" s="6"/>
      <c r="T516" s="6" t="s">
        <v>30</v>
      </c>
      <c r="U516" s="6"/>
      <c r="V516" s="3" t="s">
        <v>36</v>
      </c>
      <c r="W516" s="33" t="s">
        <v>1667</v>
      </c>
    </row>
    <row r="517" spans="1:23" s="11" customFormat="1" ht="31">
      <c r="A517" s="70">
        <v>893230036</v>
      </c>
      <c r="B517" s="67"/>
      <c r="C517" s="63" t="s">
        <v>1668</v>
      </c>
      <c r="D517" s="65" t="s">
        <v>124</v>
      </c>
      <c r="E517" s="67" t="s">
        <v>27</v>
      </c>
      <c r="F517" s="48" t="s">
        <v>1664</v>
      </c>
      <c r="G517" s="22" t="s">
        <v>1669</v>
      </c>
      <c r="H517" s="6"/>
      <c r="I517" s="6"/>
      <c r="J517" s="6" t="s">
        <v>1666</v>
      </c>
      <c r="K517" s="13" t="s">
        <v>30</v>
      </c>
      <c r="L517" s="13" t="s">
        <v>1134</v>
      </c>
      <c r="M517" s="13" t="s">
        <v>446</v>
      </c>
      <c r="N517" s="6" t="s">
        <v>360</v>
      </c>
      <c r="O517" s="6" t="s">
        <v>1492</v>
      </c>
      <c r="P517" s="13">
        <v>200</v>
      </c>
      <c r="Q517" s="6">
        <v>300</v>
      </c>
      <c r="R517" s="6" t="s">
        <v>83</v>
      </c>
      <c r="S517" s="6"/>
      <c r="T517" s="6" t="s">
        <v>30</v>
      </c>
      <c r="U517" s="6"/>
      <c r="V517" s="3" t="s">
        <v>36</v>
      </c>
      <c r="W517" s="33" t="s">
        <v>1667</v>
      </c>
    </row>
    <row r="518" spans="1:23" s="11" customFormat="1" ht="31">
      <c r="A518" s="70">
        <v>893230037</v>
      </c>
      <c r="B518" s="67"/>
      <c r="C518" s="63" t="s">
        <v>1670</v>
      </c>
      <c r="D518" s="65" t="s">
        <v>124</v>
      </c>
      <c r="E518" s="67" t="s">
        <v>27</v>
      </c>
      <c r="F518" s="48" t="s">
        <v>1664</v>
      </c>
      <c r="G518" s="22" t="s">
        <v>1671</v>
      </c>
      <c r="H518" s="6"/>
      <c r="I518" s="6"/>
      <c r="J518" s="6" t="s">
        <v>1666</v>
      </c>
      <c r="K518" s="13" t="s">
        <v>30</v>
      </c>
      <c r="L518" s="13" t="s">
        <v>1134</v>
      </c>
      <c r="M518" s="13" t="s">
        <v>446</v>
      </c>
      <c r="N518" s="6" t="s">
        <v>360</v>
      </c>
      <c r="O518" s="6" t="s">
        <v>1492</v>
      </c>
      <c r="P518" s="13">
        <v>180</v>
      </c>
      <c r="Q518" s="6">
        <v>250</v>
      </c>
      <c r="R518" s="6" t="s">
        <v>83</v>
      </c>
      <c r="S518" s="6"/>
      <c r="T518" s="6" t="s">
        <v>30</v>
      </c>
      <c r="U518" s="6"/>
      <c r="V518" s="3" t="s">
        <v>36</v>
      </c>
      <c r="W518" s="33" t="s">
        <v>1667</v>
      </c>
    </row>
    <row r="519" spans="1:23" s="11" customFormat="1" ht="31">
      <c r="A519" s="70">
        <v>893230038</v>
      </c>
      <c r="B519" s="67"/>
      <c r="C519" s="63" t="s">
        <v>1672</v>
      </c>
      <c r="D519" s="65" t="s">
        <v>124</v>
      </c>
      <c r="E519" s="67" t="s">
        <v>27</v>
      </c>
      <c r="F519" s="48" t="s">
        <v>1673</v>
      </c>
      <c r="G519" s="22" t="s">
        <v>1665</v>
      </c>
      <c r="H519" s="6"/>
      <c r="I519" s="6"/>
      <c r="J519" s="6" t="s">
        <v>1666</v>
      </c>
      <c r="K519" s="13" t="s">
        <v>30</v>
      </c>
      <c r="L519" s="13" t="s">
        <v>1134</v>
      </c>
      <c r="M519" s="13" t="s">
        <v>446</v>
      </c>
      <c r="N519" s="6" t="s">
        <v>360</v>
      </c>
      <c r="O519" s="6" t="s">
        <v>1492</v>
      </c>
      <c r="P519" s="13">
        <v>220</v>
      </c>
      <c r="Q519" s="6">
        <v>350</v>
      </c>
      <c r="R519" s="6" t="s">
        <v>83</v>
      </c>
      <c r="S519" s="6"/>
      <c r="T519" s="6" t="s">
        <v>30</v>
      </c>
      <c r="U519" s="6"/>
      <c r="V519" s="3" t="s">
        <v>36</v>
      </c>
      <c r="W519" s="33" t="s">
        <v>1667</v>
      </c>
    </row>
    <row r="520" spans="1:23" s="11" customFormat="1" ht="31">
      <c r="A520" s="70">
        <v>893230039</v>
      </c>
      <c r="B520" s="67"/>
      <c r="C520" s="63" t="s">
        <v>1674</v>
      </c>
      <c r="D520" s="65" t="s">
        <v>124</v>
      </c>
      <c r="E520" s="67" t="s">
        <v>27</v>
      </c>
      <c r="F520" s="48" t="s">
        <v>1673</v>
      </c>
      <c r="G520" s="22" t="s">
        <v>1669</v>
      </c>
      <c r="H520" s="6"/>
      <c r="I520" s="6"/>
      <c r="J520" s="6" t="s">
        <v>1666</v>
      </c>
      <c r="K520" s="13" t="s">
        <v>30</v>
      </c>
      <c r="L520" s="13" t="s">
        <v>1134</v>
      </c>
      <c r="M520" s="13" t="s">
        <v>446</v>
      </c>
      <c r="N520" s="6" t="s">
        <v>360</v>
      </c>
      <c r="O520" s="6" t="s">
        <v>1492</v>
      </c>
      <c r="P520" s="13">
        <v>200</v>
      </c>
      <c r="Q520" s="6">
        <v>300</v>
      </c>
      <c r="R520" s="6" t="s">
        <v>83</v>
      </c>
      <c r="S520" s="6"/>
      <c r="T520" s="6" t="s">
        <v>30</v>
      </c>
      <c r="U520" s="6"/>
      <c r="V520" s="3" t="s">
        <v>36</v>
      </c>
      <c r="W520" s="33" t="s">
        <v>1667</v>
      </c>
    </row>
    <row r="521" spans="1:23" s="11" customFormat="1" ht="31">
      <c r="A521" s="70">
        <v>893230040</v>
      </c>
      <c r="B521" s="67"/>
      <c r="C521" s="63" t="s">
        <v>1675</v>
      </c>
      <c r="D521" s="65" t="s">
        <v>124</v>
      </c>
      <c r="E521" s="67" t="s">
        <v>27</v>
      </c>
      <c r="F521" s="48" t="s">
        <v>1673</v>
      </c>
      <c r="G521" s="22" t="s">
        <v>1676</v>
      </c>
      <c r="H521" s="6"/>
      <c r="I521" s="6"/>
      <c r="J521" s="6" t="s">
        <v>1666</v>
      </c>
      <c r="K521" s="13" t="s">
        <v>30</v>
      </c>
      <c r="L521" s="13" t="s">
        <v>1134</v>
      </c>
      <c r="M521" s="13" t="s">
        <v>446</v>
      </c>
      <c r="N521" s="6" t="s">
        <v>360</v>
      </c>
      <c r="O521" s="6" t="s">
        <v>1492</v>
      </c>
      <c r="P521" s="13">
        <v>180</v>
      </c>
      <c r="Q521" s="6">
        <v>250</v>
      </c>
      <c r="R521" s="6" t="s">
        <v>83</v>
      </c>
      <c r="S521" s="6"/>
      <c r="T521" s="6" t="s">
        <v>30</v>
      </c>
      <c r="U521" s="6"/>
      <c r="V521" s="3" t="s">
        <v>36</v>
      </c>
      <c r="W521" s="33" t="s">
        <v>1667</v>
      </c>
    </row>
    <row r="522" spans="1:23" s="11" customFormat="1" ht="31">
      <c r="A522" s="70">
        <v>893230047</v>
      </c>
      <c r="B522" s="67"/>
      <c r="C522" s="63" t="s">
        <v>1677</v>
      </c>
      <c r="D522" s="65" t="s">
        <v>124</v>
      </c>
      <c r="E522" s="67" t="s">
        <v>27</v>
      </c>
      <c r="F522" s="48" t="s">
        <v>1664</v>
      </c>
      <c r="G522" s="22" t="s">
        <v>1678</v>
      </c>
      <c r="H522" s="6"/>
      <c r="I522" s="6"/>
      <c r="J522" s="6" t="s">
        <v>1666</v>
      </c>
      <c r="K522" s="13" t="s">
        <v>30</v>
      </c>
      <c r="L522" s="13" t="s">
        <v>1134</v>
      </c>
      <c r="M522" s="13" t="s">
        <v>446</v>
      </c>
      <c r="N522" s="6" t="s">
        <v>360</v>
      </c>
      <c r="O522" s="6" t="s">
        <v>1492</v>
      </c>
      <c r="P522" s="13">
        <v>240</v>
      </c>
      <c r="Q522" s="6">
        <v>370</v>
      </c>
      <c r="R522" s="6" t="s">
        <v>83</v>
      </c>
      <c r="S522" s="6"/>
      <c r="T522" s="6" t="s">
        <v>30</v>
      </c>
      <c r="U522" s="6"/>
      <c r="V522" s="3" t="s">
        <v>36</v>
      </c>
      <c r="W522" s="33" t="s">
        <v>1667</v>
      </c>
    </row>
    <row r="523" spans="1:23" s="11" customFormat="1" ht="31">
      <c r="A523" s="70">
        <v>893230048</v>
      </c>
      <c r="B523" s="67"/>
      <c r="C523" s="63" t="s">
        <v>1679</v>
      </c>
      <c r="D523" s="65" t="s">
        <v>124</v>
      </c>
      <c r="E523" s="67" t="s">
        <v>27</v>
      </c>
      <c r="F523" s="48" t="s">
        <v>1664</v>
      </c>
      <c r="G523" s="22" t="s">
        <v>1680</v>
      </c>
      <c r="H523" s="6"/>
      <c r="I523" s="6"/>
      <c r="J523" s="6" t="s">
        <v>1666</v>
      </c>
      <c r="K523" s="13" t="s">
        <v>30</v>
      </c>
      <c r="L523" s="13" t="s">
        <v>1134</v>
      </c>
      <c r="M523" s="13" t="s">
        <v>446</v>
      </c>
      <c r="N523" s="6" t="s">
        <v>360</v>
      </c>
      <c r="O523" s="6" t="s">
        <v>1492</v>
      </c>
      <c r="P523" s="13">
        <v>260</v>
      </c>
      <c r="Q523" s="6">
        <v>400</v>
      </c>
      <c r="R523" s="6" t="s">
        <v>83</v>
      </c>
      <c r="S523" s="6"/>
      <c r="T523" s="6" t="s">
        <v>30</v>
      </c>
      <c r="U523" s="6"/>
      <c r="V523" s="3" t="s">
        <v>36</v>
      </c>
      <c r="W523" s="33" t="s">
        <v>1667</v>
      </c>
    </row>
    <row r="524" spans="1:23" s="11" customFormat="1" ht="31">
      <c r="A524" s="70">
        <v>893230049</v>
      </c>
      <c r="B524" s="67"/>
      <c r="C524" s="63" t="s">
        <v>1681</v>
      </c>
      <c r="D524" s="65" t="s">
        <v>124</v>
      </c>
      <c r="E524" s="67" t="s">
        <v>27</v>
      </c>
      <c r="F524" s="48" t="s">
        <v>1664</v>
      </c>
      <c r="G524" s="22" t="s">
        <v>1682</v>
      </c>
      <c r="H524" s="6"/>
      <c r="I524" s="6"/>
      <c r="J524" s="6" t="s">
        <v>1666</v>
      </c>
      <c r="K524" s="13" t="s">
        <v>30</v>
      </c>
      <c r="L524" s="13" t="s">
        <v>1134</v>
      </c>
      <c r="M524" s="13" t="s">
        <v>446</v>
      </c>
      <c r="N524" s="6" t="s">
        <v>360</v>
      </c>
      <c r="O524" s="6" t="s">
        <v>1492</v>
      </c>
      <c r="P524" s="13">
        <v>280</v>
      </c>
      <c r="Q524" s="6">
        <v>420</v>
      </c>
      <c r="R524" s="6" t="s">
        <v>83</v>
      </c>
      <c r="S524" s="6"/>
      <c r="T524" s="6" t="s">
        <v>30</v>
      </c>
      <c r="U524" s="6"/>
      <c r="V524" s="3" t="s">
        <v>36</v>
      </c>
      <c r="W524" s="33" t="s">
        <v>1667</v>
      </c>
    </row>
    <row r="525" spans="1:23" s="11" customFormat="1" ht="15.5">
      <c r="A525" s="70">
        <v>111350014</v>
      </c>
      <c r="B525" s="67"/>
      <c r="C525" s="63" t="s">
        <v>1683</v>
      </c>
      <c r="D525" s="65" t="s">
        <v>697</v>
      </c>
      <c r="E525" s="67" t="s">
        <v>157</v>
      </c>
      <c r="F525" s="48" t="s">
        <v>1684</v>
      </c>
      <c r="G525" s="22" t="s">
        <v>1685</v>
      </c>
      <c r="H525" s="6"/>
      <c r="I525" s="6"/>
      <c r="J525" s="6" t="s">
        <v>45</v>
      </c>
      <c r="K525" s="13"/>
      <c r="L525" s="13"/>
      <c r="M525" s="13"/>
      <c r="N525" s="6" t="s">
        <v>360</v>
      </c>
      <c r="O525" s="6" t="s">
        <v>1492</v>
      </c>
      <c r="P525" s="13">
        <v>87</v>
      </c>
      <c r="Q525" s="6">
        <v>170</v>
      </c>
      <c r="R525" s="6" t="s">
        <v>83</v>
      </c>
      <c r="S525" s="6"/>
      <c r="T525" s="6" t="s">
        <v>50</v>
      </c>
      <c r="U525" s="6"/>
      <c r="V525" s="3" t="s">
        <v>36</v>
      </c>
      <c r="W525" s="33" t="s">
        <v>1686</v>
      </c>
    </row>
    <row r="526" spans="1:23" s="11" customFormat="1" ht="15.5">
      <c r="A526" s="70">
        <v>893210041</v>
      </c>
      <c r="B526" s="67"/>
      <c r="C526" s="63" t="s">
        <v>1687</v>
      </c>
      <c r="D526" s="65" t="s">
        <v>125</v>
      </c>
      <c r="E526" s="67" t="s">
        <v>143</v>
      </c>
      <c r="F526" s="48" t="s">
        <v>1688</v>
      </c>
      <c r="G526" s="22" t="s">
        <v>1689</v>
      </c>
      <c r="H526" s="6"/>
      <c r="I526" s="6"/>
      <c r="J526" s="6" t="s">
        <v>99</v>
      </c>
      <c r="K526" s="13" t="s">
        <v>1690</v>
      </c>
      <c r="L526" s="13"/>
      <c r="M526" s="13"/>
      <c r="N526" s="6" t="s">
        <v>360</v>
      </c>
      <c r="O526" s="6" t="s">
        <v>1492</v>
      </c>
      <c r="P526" s="13">
        <v>150</v>
      </c>
      <c r="Q526" s="6">
        <v>200</v>
      </c>
      <c r="R526" s="6" t="s">
        <v>83</v>
      </c>
      <c r="S526" s="6" t="s">
        <v>24</v>
      </c>
      <c r="T526" s="6"/>
      <c r="U526" s="6"/>
      <c r="V526" s="3" t="s">
        <v>36</v>
      </c>
      <c r="W526" s="46" t="s">
        <v>1667</v>
      </c>
    </row>
    <row r="527" spans="1:23" s="11" customFormat="1" ht="31">
      <c r="A527" s="70">
        <v>893310013</v>
      </c>
      <c r="B527" s="67"/>
      <c r="C527" s="63" t="s">
        <v>1691</v>
      </c>
      <c r="D527" s="65" t="s">
        <v>125</v>
      </c>
      <c r="E527" s="67" t="s">
        <v>53</v>
      </c>
      <c r="F527" s="48" t="s">
        <v>1692</v>
      </c>
      <c r="G527" s="22" t="s">
        <v>1126</v>
      </c>
      <c r="H527" s="6"/>
      <c r="I527" s="6"/>
      <c r="J527" s="6" t="s">
        <v>99</v>
      </c>
      <c r="K527" s="13" t="s">
        <v>1693</v>
      </c>
      <c r="L527" s="13"/>
      <c r="M527" s="13"/>
      <c r="N527" s="6" t="s">
        <v>360</v>
      </c>
      <c r="O527" s="6" t="s">
        <v>1492</v>
      </c>
      <c r="P527" s="13">
        <v>18</v>
      </c>
      <c r="Q527" s="6">
        <v>25</v>
      </c>
      <c r="R527" s="33" t="s">
        <v>35</v>
      </c>
      <c r="S527" s="6"/>
      <c r="T527" s="6" t="s">
        <v>50</v>
      </c>
      <c r="U527" s="6"/>
      <c r="V527" s="3" t="s">
        <v>36</v>
      </c>
      <c r="W527" s="6" t="s">
        <v>1694</v>
      </c>
    </row>
    <row r="528" spans="1:23" s="11" customFormat="1" ht="31">
      <c r="A528" s="70">
        <v>893310009</v>
      </c>
      <c r="B528" s="67"/>
      <c r="C528" s="63" t="s">
        <v>1695</v>
      </c>
      <c r="D528" s="65" t="s">
        <v>125</v>
      </c>
      <c r="E528" s="67" t="s">
        <v>53</v>
      </c>
      <c r="F528" s="48" t="s">
        <v>1696</v>
      </c>
      <c r="G528" s="22" t="s">
        <v>1697</v>
      </c>
      <c r="H528" s="6"/>
      <c r="I528" s="6"/>
      <c r="J528" s="6" t="s">
        <v>99</v>
      </c>
      <c r="K528" s="13" t="s">
        <v>1698</v>
      </c>
      <c r="L528" s="13"/>
      <c r="M528" s="13"/>
      <c r="N528" s="6" t="s">
        <v>360</v>
      </c>
      <c r="O528" s="6" t="s">
        <v>1492</v>
      </c>
      <c r="P528" s="13">
        <v>65</v>
      </c>
      <c r="Q528" s="33">
        <v>70</v>
      </c>
      <c r="R528" s="33" t="s">
        <v>35</v>
      </c>
      <c r="S528" s="6"/>
      <c r="T528" s="6" t="s">
        <v>50</v>
      </c>
      <c r="U528" s="6"/>
      <c r="V528" s="3" t="s">
        <v>36</v>
      </c>
      <c r="W528" s="6" t="s">
        <v>1694</v>
      </c>
    </row>
    <row r="529" spans="1:23" s="11" customFormat="1" ht="77.5">
      <c r="A529" s="70">
        <v>896310031</v>
      </c>
      <c r="B529" s="67"/>
      <c r="C529" s="63" t="s">
        <v>1699</v>
      </c>
      <c r="D529" s="65" t="s">
        <v>125</v>
      </c>
      <c r="E529" s="67" t="s">
        <v>53</v>
      </c>
      <c r="F529" s="48" t="s">
        <v>1700</v>
      </c>
      <c r="G529" s="22" t="s">
        <v>1701</v>
      </c>
      <c r="H529" s="6"/>
      <c r="I529" s="6"/>
      <c r="J529" s="6" t="s">
        <v>99</v>
      </c>
      <c r="K529" s="13" t="s">
        <v>1702</v>
      </c>
      <c r="L529" s="13"/>
      <c r="M529" s="13"/>
      <c r="N529" s="6" t="s">
        <v>360</v>
      </c>
      <c r="O529" s="6" t="s">
        <v>1492</v>
      </c>
      <c r="P529" s="13">
        <v>95</v>
      </c>
      <c r="Q529" s="6">
        <v>130</v>
      </c>
      <c r="R529" s="13" t="s">
        <v>1703</v>
      </c>
      <c r="S529" s="6"/>
      <c r="T529" s="6" t="s">
        <v>30</v>
      </c>
      <c r="U529" s="6"/>
      <c r="V529" s="3" t="s">
        <v>36</v>
      </c>
      <c r="W529" s="33" t="s">
        <v>1704</v>
      </c>
    </row>
    <row r="530" spans="1:23" s="11" customFormat="1" ht="77.5">
      <c r="A530" s="70">
        <v>896310032</v>
      </c>
      <c r="B530" s="67"/>
      <c r="C530" s="63" t="s">
        <v>1705</v>
      </c>
      <c r="D530" s="65" t="s">
        <v>125</v>
      </c>
      <c r="E530" s="67" t="s">
        <v>1706</v>
      </c>
      <c r="F530" s="48" t="s">
        <v>1707</v>
      </c>
      <c r="G530" s="22" t="s">
        <v>1708</v>
      </c>
      <c r="H530" s="6"/>
      <c r="I530" s="6"/>
      <c r="J530" s="6" t="s">
        <v>99</v>
      </c>
      <c r="K530" s="13" t="s">
        <v>1709</v>
      </c>
      <c r="L530" s="13"/>
      <c r="M530" s="13"/>
      <c r="N530" s="6" t="s">
        <v>360</v>
      </c>
      <c r="O530" s="6" t="s">
        <v>1492</v>
      </c>
      <c r="P530" s="13">
        <v>55</v>
      </c>
      <c r="Q530" s="6">
        <v>65</v>
      </c>
      <c r="R530" s="13" t="s">
        <v>1703</v>
      </c>
      <c r="S530" s="6"/>
      <c r="T530" s="6" t="s">
        <v>30</v>
      </c>
      <c r="U530" s="6"/>
      <c r="V530" s="3" t="s">
        <v>36</v>
      </c>
      <c r="W530" s="33" t="s">
        <v>1704</v>
      </c>
    </row>
    <row r="531" spans="1:23" s="11" customFormat="1" ht="15.5">
      <c r="A531" s="70">
        <v>884110013</v>
      </c>
      <c r="B531" s="67"/>
      <c r="C531" s="63" t="s">
        <v>1710</v>
      </c>
      <c r="D531" s="65" t="s">
        <v>125</v>
      </c>
      <c r="E531" s="67" t="s">
        <v>143</v>
      </c>
      <c r="F531" s="48" t="s">
        <v>1711</v>
      </c>
      <c r="G531" s="22" t="s">
        <v>1622</v>
      </c>
      <c r="H531" s="6"/>
      <c r="I531" s="6"/>
      <c r="J531" s="6" t="s">
        <v>99</v>
      </c>
      <c r="K531" s="13" t="s">
        <v>947</v>
      </c>
      <c r="L531" s="13" t="s">
        <v>578</v>
      </c>
      <c r="M531" s="13" t="s">
        <v>957</v>
      </c>
      <c r="N531" s="6" t="s">
        <v>360</v>
      </c>
      <c r="O531" s="6" t="s">
        <v>1492</v>
      </c>
      <c r="P531" s="13">
        <v>85</v>
      </c>
      <c r="Q531" s="6">
        <v>120</v>
      </c>
      <c r="R531" s="6" t="s">
        <v>1712</v>
      </c>
      <c r="S531" s="6"/>
      <c r="T531" s="6" t="s">
        <v>30</v>
      </c>
      <c r="U531" s="6"/>
      <c r="V531" s="3" t="s">
        <v>36</v>
      </c>
      <c r="W531" s="6" t="s">
        <v>1713</v>
      </c>
    </row>
    <row r="532" spans="1:23" s="11" customFormat="1" ht="77.5">
      <c r="A532" s="70">
        <v>884110014</v>
      </c>
      <c r="B532" s="67"/>
      <c r="C532" s="63" t="s">
        <v>1714</v>
      </c>
      <c r="D532" s="65" t="s">
        <v>125</v>
      </c>
      <c r="E532" s="67" t="s">
        <v>143</v>
      </c>
      <c r="F532" s="48" t="s">
        <v>1715</v>
      </c>
      <c r="G532" s="22" t="s">
        <v>1622</v>
      </c>
      <c r="H532" s="6"/>
      <c r="I532" s="6"/>
      <c r="J532" s="6" t="s">
        <v>99</v>
      </c>
      <c r="K532" s="13" t="s">
        <v>947</v>
      </c>
      <c r="L532" s="13" t="s">
        <v>578</v>
      </c>
      <c r="M532" s="13" t="s">
        <v>957</v>
      </c>
      <c r="N532" s="6" t="s">
        <v>360</v>
      </c>
      <c r="O532" s="6" t="s">
        <v>1492</v>
      </c>
      <c r="P532" s="13">
        <v>85</v>
      </c>
      <c r="Q532" s="6">
        <v>120</v>
      </c>
      <c r="R532" s="6" t="s">
        <v>1712</v>
      </c>
      <c r="S532" s="6"/>
      <c r="T532" s="6" t="s">
        <v>30</v>
      </c>
      <c r="U532" s="6"/>
      <c r="V532" s="3" t="s">
        <v>36</v>
      </c>
      <c r="W532" s="6" t="s">
        <v>1713</v>
      </c>
    </row>
    <row r="533" spans="1:23" s="11" customFormat="1" ht="46.5">
      <c r="A533" s="70">
        <v>884110015</v>
      </c>
      <c r="B533" s="67"/>
      <c r="C533" s="63" t="s">
        <v>1716</v>
      </c>
      <c r="D533" s="65" t="s">
        <v>125</v>
      </c>
      <c r="E533" s="67" t="s">
        <v>143</v>
      </c>
      <c r="F533" s="48" t="s">
        <v>1717</v>
      </c>
      <c r="G533" s="22" t="s">
        <v>1622</v>
      </c>
      <c r="H533" s="6"/>
      <c r="I533" s="6"/>
      <c r="J533" s="6" t="s">
        <v>99</v>
      </c>
      <c r="K533" s="13" t="s">
        <v>947</v>
      </c>
      <c r="L533" s="13" t="s">
        <v>578</v>
      </c>
      <c r="M533" s="13" t="s">
        <v>957</v>
      </c>
      <c r="N533" s="6" t="s">
        <v>360</v>
      </c>
      <c r="O533" s="6" t="s">
        <v>1492</v>
      </c>
      <c r="P533" s="13">
        <v>85</v>
      </c>
      <c r="Q533" s="6">
        <v>120</v>
      </c>
      <c r="R533" s="6" t="s">
        <v>1712</v>
      </c>
      <c r="S533" s="6"/>
      <c r="T533" s="6" t="s">
        <v>30</v>
      </c>
      <c r="U533" s="6"/>
      <c r="V533" s="3" t="s">
        <v>36</v>
      </c>
      <c r="W533" s="6" t="s">
        <v>1713</v>
      </c>
    </row>
    <row r="534" spans="1:23" s="11" customFormat="1" ht="325.5">
      <c r="A534" s="70">
        <v>111310035</v>
      </c>
      <c r="B534" s="67"/>
      <c r="C534" s="63" t="s">
        <v>1718</v>
      </c>
      <c r="D534" s="65" t="s">
        <v>125</v>
      </c>
      <c r="E534" s="67" t="s">
        <v>53</v>
      </c>
      <c r="F534" s="48" t="s">
        <v>1719</v>
      </c>
      <c r="G534" s="22" t="s">
        <v>1720</v>
      </c>
      <c r="H534" s="6"/>
      <c r="I534" s="6"/>
      <c r="J534" s="6" t="s">
        <v>99</v>
      </c>
      <c r="K534" s="13" t="s">
        <v>947</v>
      </c>
      <c r="L534" s="13" t="s">
        <v>578</v>
      </c>
      <c r="M534" s="13" t="s">
        <v>957</v>
      </c>
      <c r="N534" s="6" t="s">
        <v>360</v>
      </c>
      <c r="O534" s="6" t="s">
        <v>1492</v>
      </c>
      <c r="P534" s="13">
        <v>90</v>
      </c>
      <c r="Q534" s="6">
        <v>120</v>
      </c>
      <c r="R534" s="13" t="s">
        <v>1721</v>
      </c>
      <c r="S534" s="6"/>
      <c r="T534" s="6"/>
      <c r="U534" s="13" t="s">
        <v>1722</v>
      </c>
      <c r="V534" s="3" t="s">
        <v>36</v>
      </c>
      <c r="W534" s="33" t="s">
        <v>1723</v>
      </c>
    </row>
    <row r="535" spans="1:23" s="11" customFormat="1" ht="15.5">
      <c r="A535" s="70">
        <v>777110039</v>
      </c>
      <c r="B535" s="67"/>
      <c r="C535" s="63" t="s">
        <v>1724</v>
      </c>
      <c r="D535" s="65" t="s">
        <v>125</v>
      </c>
      <c r="E535" s="67" t="s">
        <v>143</v>
      </c>
      <c r="F535" s="48" t="s">
        <v>1725</v>
      </c>
      <c r="G535" s="22" t="s">
        <v>1726</v>
      </c>
      <c r="H535" s="6"/>
      <c r="I535" s="6" t="s">
        <v>145</v>
      </c>
      <c r="J535" s="6"/>
      <c r="K535" s="13"/>
      <c r="L535" s="13"/>
      <c r="M535" s="13"/>
      <c r="N535" s="6" t="s">
        <v>360</v>
      </c>
      <c r="O535" s="6" t="s">
        <v>1492</v>
      </c>
      <c r="P535" s="13">
        <v>35</v>
      </c>
      <c r="Q535" s="6">
        <v>40</v>
      </c>
      <c r="R535" s="6" t="s">
        <v>1712</v>
      </c>
      <c r="S535" s="6"/>
      <c r="T535" s="6" t="s">
        <v>30</v>
      </c>
      <c r="U535" s="6"/>
      <c r="V535" s="3" t="s">
        <v>36</v>
      </c>
      <c r="W535" s="6" t="s">
        <v>1366</v>
      </c>
    </row>
    <row r="536" spans="1:23" s="11" customFormat="1" ht="15.5">
      <c r="A536" s="70">
        <v>777110040</v>
      </c>
      <c r="B536" s="67"/>
      <c r="C536" s="63" t="s">
        <v>1727</v>
      </c>
      <c r="D536" s="65" t="s">
        <v>125</v>
      </c>
      <c r="E536" s="67" t="s">
        <v>143</v>
      </c>
      <c r="F536" s="48" t="s">
        <v>1725</v>
      </c>
      <c r="G536" s="22" t="s">
        <v>1622</v>
      </c>
      <c r="H536" s="6"/>
      <c r="I536" s="6" t="s">
        <v>145</v>
      </c>
      <c r="J536" s="6"/>
      <c r="K536" s="13"/>
      <c r="L536" s="13"/>
      <c r="M536" s="13"/>
      <c r="N536" s="6" t="s">
        <v>360</v>
      </c>
      <c r="O536" s="6" t="s">
        <v>1492</v>
      </c>
      <c r="P536" s="13">
        <v>35</v>
      </c>
      <c r="Q536" s="6">
        <v>40</v>
      </c>
      <c r="R536" s="6" t="s">
        <v>1712</v>
      </c>
      <c r="S536" s="6"/>
      <c r="T536" s="6" t="s">
        <v>30</v>
      </c>
      <c r="U536" s="6"/>
      <c r="V536" s="3" t="s">
        <v>36</v>
      </c>
      <c r="W536" s="6" t="s">
        <v>1366</v>
      </c>
    </row>
    <row r="537" spans="1:23" s="11" customFormat="1" ht="31">
      <c r="A537" s="70">
        <v>773110007</v>
      </c>
      <c r="B537" s="67"/>
      <c r="C537" s="63" t="s">
        <v>1728</v>
      </c>
      <c r="D537" s="65" t="s">
        <v>125</v>
      </c>
      <c r="E537" s="67" t="s">
        <v>143</v>
      </c>
      <c r="F537" s="48" t="s">
        <v>1729</v>
      </c>
      <c r="G537" s="22" t="s">
        <v>1730</v>
      </c>
      <c r="H537" s="6"/>
      <c r="I537" s="6" t="s">
        <v>145</v>
      </c>
      <c r="J537" s="6"/>
      <c r="K537" s="13" t="s">
        <v>1731</v>
      </c>
      <c r="L537" s="13" t="s">
        <v>1731</v>
      </c>
      <c r="M537" s="13" t="s">
        <v>1731</v>
      </c>
      <c r="N537" s="6" t="s">
        <v>360</v>
      </c>
      <c r="O537" s="6" t="s">
        <v>1492</v>
      </c>
      <c r="P537" s="13">
        <v>50</v>
      </c>
      <c r="Q537" s="6">
        <v>70</v>
      </c>
      <c r="R537" s="33" t="s">
        <v>35</v>
      </c>
      <c r="S537" s="6"/>
      <c r="T537" s="6" t="s">
        <v>30</v>
      </c>
      <c r="U537" s="6"/>
      <c r="V537" s="3" t="s">
        <v>36</v>
      </c>
      <c r="W537" s="33" t="s">
        <v>1732</v>
      </c>
    </row>
    <row r="538" spans="1:23" s="11" customFormat="1" ht="31">
      <c r="A538" s="70">
        <v>773310027</v>
      </c>
      <c r="B538" s="67"/>
      <c r="C538" s="63" t="s">
        <v>1733</v>
      </c>
      <c r="D538" s="65" t="s">
        <v>125</v>
      </c>
      <c r="E538" s="67" t="s">
        <v>143</v>
      </c>
      <c r="F538" s="48" t="s">
        <v>1734</v>
      </c>
      <c r="G538" s="22" t="s">
        <v>1730</v>
      </c>
      <c r="H538" s="6"/>
      <c r="I538" s="6" t="s">
        <v>145</v>
      </c>
      <c r="J538" s="6"/>
      <c r="K538" s="13" t="s">
        <v>1731</v>
      </c>
      <c r="L538" s="13" t="s">
        <v>1731</v>
      </c>
      <c r="M538" s="13" t="s">
        <v>1731</v>
      </c>
      <c r="N538" s="6" t="s">
        <v>360</v>
      </c>
      <c r="O538" s="6" t="s">
        <v>1492</v>
      </c>
      <c r="P538" s="13">
        <v>50</v>
      </c>
      <c r="Q538" s="6">
        <v>70</v>
      </c>
      <c r="R538" s="33" t="s">
        <v>35</v>
      </c>
      <c r="S538" s="6"/>
      <c r="T538" s="6" t="s">
        <v>30</v>
      </c>
      <c r="U538" s="6"/>
      <c r="V538" s="3" t="s">
        <v>36</v>
      </c>
      <c r="W538" s="33" t="s">
        <v>1732</v>
      </c>
    </row>
    <row r="539" spans="1:23" s="11" customFormat="1" ht="31">
      <c r="A539" s="70">
        <v>773310028</v>
      </c>
      <c r="B539" s="67"/>
      <c r="C539" s="63" t="s">
        <v>1735</v>
      </c>
      <c r="D539" s="65" t="s">
        <v>125</v>
      </c>
      <c r="E539" s="67" t="s">
        <v>143</v>
      </c>
      <c r="F539" s="48" t="s">
        <v>1736</v>
      </c>
      <c r="G539" s="22" t="s">
        <v>1730</v>
      </c>
      <c r="H539" s="6"/>
      <c r="I539" s="6" t="s">
        <v>145</v>
      </c>
      <c r="J539" s="6"/>
      <c r="K539" s="13" t="s">
        <v>1731</v>
      </c>
      <c r="L539" s="13" t="s">
        <v>1731</v>
      </c>
      <c r="M539" s="13" t="s">
        <v>1731</v>
      </c>
      <c r="N539" s="6" t="s">
        <v>360</v>
      </c>
      <c r="O539" s="6" t="s">
        <v>1492</v>
      </c>
      <c r="P539" s="13">
        <v>50</v>
      </c>
      <c r="Q539" s="6">
        <v>70</v>
      </c>
      <c r="R539" s="33" t="s">
        <v>35</v>
      </c>
      <c r="S539" s="6"/>
      <c r="T539" s="6" t="s">
        <v>30</v>
      </c>
      <c r="U539" s="6"/>
      <c r="V539" s="3" t="s">
        <v>36</v>
      </c>
      <c r="W539" s="33" t="s">
        <v>1732</v>
      </c>
    </row>
    <row r="540" spans="1:23" s="11" customFormat="1" ht="139.5">
      <c r="A540" s="70">
        <v>773310022</v>
      </c>
      <c r="B540" s="67"/>
      <c r="C540" s="63" t="s">
        <v>1737</v>
      </c>
      <c r="D540" s="65" t="s">
        <v>125</v>
      </c>
      <c r="E540" s="67" t="s">
        <v>1738</v>
      </c>
      <c r="F540" s="48" t="s">
        <v>1739</v>
      </c>
      <c r="G540" s="22" t="s">
        <v>1740</v>
      </c>
      <c r="H540" s="6"/>
      <c r="I540" s="6" t="s">
        <v>99</v>
      </c>
      <c r="J540" s="6"/>
      <c r="K540" s="13" t="s">
        <v>947</v>
      </c>
      <c r="L540" s="13" t="s">
        <v>947</v>
      </c>
      <c r="M540" s="13" t="s">
        <v>947</v>
      </c>
      <c r="N540" s="6" t="s">
        <v>360</v>
      </c>
      <c r="O540" s="6" t="s">
        <v>1492</v>
      </c>
      <c r="P540" s="13">
        <v>18</v>
      </c>
      <c r="Q540" s="6">
        <v>25</v>
      </c>
      <c r="R540" s="13" t="s">
        <v>1741</v>
      </c>
      <c r="S540" s="13" t="s">
        <v>1742</v>
      </c>
      <c r="T540" s="6"/>
      <c r="U540" s="6"/>
      <c r="V540" s="3" t="s">
        <v>36</v>
      </c>
      <c r="W540" s="33" t="s">
        <v>1743</v>
      </c>
    </row>
    <row r="541" spans="1:23" s="11" customFormat="1" ht="139.5">
      <c r="A541" s="70">
        <v>773310023</v>
      </c>
      <c r="B541" s="67"/>
      <c r="C541" s="63" t="s">
        <v>1744</v>
      </c>
      <c r="D541" s="65" t="s">
        <v>125</v>
      </c>
      <c r="E541" s="67" t="s">
        <v>1738</v>
      </c>
      <c r="F541" s="48" t="s">
        <v>1739</v>
      </c>
      <c r="G541" s="22" t="s">
        <v>1740</v>
      </c>
      <c r="H541" s="6"/>
      <c r="I541" s="6" t="s">
        <v>99</v>
      </c>
      <c r="J541" s="6"/>
      <c r="K541" s="13" t="s">
        <v>947</v>
      </c>
      <c r="L541" s="13" t="s">
        <v>947</v>
      </c>
      <c r="M541" s="13" t="s">
        <v>947</v>
      </c>
      <c r="N541" s="6" t="s">
        <v>360</v>
      </c>
      <c r="O541" s="6" t="s">
        <v>1492</v>
      </c>
      <c r="P541" s="13">
        <v>18</v>
      </c>
      <c r="Q541" s="6">
        <v>25</v>
      </c>
      <c r="R541" s="13" t="s">
        <v>1741</v>
      </c>
      <c r="S541" s="13" t="s">
        <v>1742</v>
      </c>
      <c r="T541" s="6"/>
      <c r="U541" s="6"/>
      <c r="V541" s="3" t="s">
        <v>36</v>
      </c>
      <c r="W541" s="33" t="s">
        <v>1743</v>
      </c>
    </row>
    <row r="542" spans="1:23" s="11" customFormat="1" ht="139.5">
      <c r="A542" s="70">
        <v>773310024</v>
      </c>
      <c r="B542" s="67"/>
      <c r="C542" s="63" t="s">
        <v>1745</v>
      </c>
      <c r="D542" s="65" t="s">
        <v>125</v>
      </c>
      <c r="E542" s="67" t="s">
        <v>1738</v>
      </c>
      <c r="F542" s="48" t="s">
        <v>1739</v>
      </c>
      <c r="G542" s="22" t="s">
        <v>1740</v>
      </c>
      <c r="H542" s="6"/>
      <c r="I542" s="6" t="s">
        <v>99</v>
      </c>
      <c r="J542" s="6"/>
      <c r="K542" s="13" t="s">
        <v>947</v>
      </c>
      <c r="L542" s="13" t="s">
        <v>947</v>
      </c>
      <c r="M542" s="13" t="s">
        <v>947</v>
      </c>
      <c r="N542" s="6" t="s">
        <v>360</v>
      </c>
      <c r="O542" s="6" t="s">
        <v>1492</v>
      </c>
      <c r="P542" s="13">
        <v>18</v>
      </c>
      <c r="Q542" s="6">
        <v>25</v>
      </c>
      <c r="R542" s="13" t="s">
        <v>1741</v>
      </c>
      <c r="S542" s="13" t="s">
        <v>1742</v>
      </c>
      <c r="T542" s="6"/>
      <c r="U542" s="6"/>
      <c r="V542" s="3" t="s">
        <v>36</v>
      </c>
      <c r="W542" s="33" t="s">
        <v>1743</v>
      </c>
    </row>
    <row r="543" spans="1:23" s="11" customFormat="1" ht="62">
      <c r="A543" s="70">
        <v>556340031</v>
      </c>
      <c r="B543" s="67" t="s">
        <v>1746</v>
      </c>
      <c r="C543" s="63" t="s">
        <v>1747</v>
      </c>
      <c r="D543" s="65" t="s">
        <v>126</v>
      </c>
      <c r="E543" s="67" t="s">
        <v>1748</v>
      </c>
      <c r="F543" s="48" t="s">
        <v>1749</v>
      </c>
      <c r="G543" s="22" t="s">
        <v>1750</v>
      </c>
      <c r="H543" s="6"/>
      <c r="I543" s="6"/>
      <c r="J543" s="6" t="s">
        <v>1751</v>
      </c>
      <c r="K543" s="13" t="s">
        <v>1752</v>
      </c>
      <c r="L543" s="13"/>
      <c r="M543" s="13"/>
      <c r="N543" s="6" t="s">
        <v>360</v>
      </c>
      <c r="O543" s="6" t="s">
        <v>1753</v>
      </c>
      <c r="P543" s="13">
        <v>50</v>
      </c>
      <c r="Q543" s="6">
        <v>350</v>
      </c>
      <c r="R543" s="13" t="s">
        <v>1754</v>
      </c>
      <c r="S543" s="6" t="s">
        <v>24</v>
      </c>
      <c r="T543" s="6"/>
      <c r="U543" s="6"/>
      <c r="V543" s="3" t="s">
        <v>36</v>
      </c>
      <c r="W543" s="6" t="s">
        <v>1746</v>
      </c>
    </row>
    <row r="544" spans="1:23" s="11" customFormat="1" ht="31">
      <c r="A544" s="70">
        <v>446330071</v>
      </c>
      <c r="B544" s="67"/>
      <c r="C544" s="63" t="s">
        <v>1755</v>
      </c>
      <c r="D544" s="65" t="s">
        <v>124</v>
      </c>
      <c r="E544" s="67" t="s">
        <v>81</v>
      </c>
      <c r="F544" s="48" t="s">
        <v>1756</v>
      </c>
      <c r="G544" s="22" t="s">
        <v>1757</v>
      </c>
      <c r="H544" s="6"/>
      <c r="I544" s="6"/>
      <c r="J544" s="6" t="s">
        <v>118</v>
      </c>
      <c r="K544" s="13" t="s">
        <v>446</v>
      </c>
      <c r="L544" s="13"/>
      <c r="M544" s="13"/>
      <c r="N544" s="6" t="s">
        <v>360</v>
      </c>
      <c r="O544" s="6" t="s">
        <v>1492</v>
      </c>
      <c r="P544" s="13">
        <v>260</v>
      </c>
      <c r="Q544" s="6">
        <v>350</v>
      </c>
      <c r="R544" s="33" t="s">
        <v>35</v>
      </c>
      <c r="S544" s="4"/>
      <c r="T544" s="4" t="s">
        <v>30</v>
      </c>
      <c r="U544" s="4"/>
      <c r="V544" s="3" t="s">
        <v>36</v>
      </c>
      <c r="W544" s="33" t="s">
        <v>1645</v>
      </c>
    </row>
  </sheetData>
  <mergeCells count="18">
    <mergeCell ref="A1:W1"/>
    <mergeCell ref="H2:J2"/>
    <mergeCell ref="K2:M2"/>
    <mergeCell ref="S2:U2"/>
    <mergeCell ref="A2:A3"/>
    <mergeCell ref="B2:B3"/>
    <mergeCell ref="C2:C3"/>
    <mergeCell ref="E2:E3"/>
    <mergeCell ref="F2:F3"/>
    <mergeCell ref="G2:G3"/>
    <mergeCell ref="N2:N3"/>
    <mergeCell ref="O2:O3"/>
    <mergeCell ref="P2:P3"/>
    <mergeCell ref="Q2:Q3"/>
    <mergeCell ref="R2:R3"/>
    <mergeCell ref="V2:V3"/>
    <mergeCell ref="W2:W3"/>
    <mergeCell ref="D2:D3"/>
  </mergeCells>
  <pageMargins left="0.5" right="0.5" top="0.75" bottom="0.75" header="0.27777800000000002" footer="0.27777800000000002"/>
  <pageSetup orientation="portrait" r:id="rId1"/>
  <headerFooter>
    <oddFooter>&amp;C&amp;"Helvetica Neue,Regular"&amp;12&amp;K000000&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 1 - ผลิตภัณฑ์</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Polpat Jariyanont</cp:lastModifiedBy>
  <dcterms:created xsi:type="dcterms:W3CDTF">2020-08-20T06:22:29Z</dcterms:created>
  <dcterms:modified xsi:type="dcterms:W3CDTF">2020-09-03T08:47:03Z</dcterms:modified>
</cp:coreProperties>
</file>